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ダムサイト" sheetId="1" r:id="rId1"/>
    <sheet name="ダム中央" sheetId="2" r:id="rId2"/>
  </sheets>
  <calcPr calcId="0"/>
</workbook>
</file>

<file path=xl/sharedStrings.xml><?xml version="1.0" encoding="utf-8"?>
<sst xmlns="http://schemas.openxmlformats.org/spreadsheetml/2006/main" count="1176" uniqueCount="277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曇り</t>
  </si>
  <si>
    <t>17.2</t>
  </si>
  <si>
    <t>13.9</t>
  </si>
  <si>
    <t>0.5</t>
  </si>
  <si>
    <t>110.5</t>
  </si>
  <si>
    <t>&gt;100</t>
  </si>
  <si>
    <t>3.8</t>
  </si>
  <si>
    <t>無色</t>
  </si>
  <si>
    <t>無臭</t>
  </si>
  <si>
    <t>7.7</t>
  </si>
  <si>
    <t>1.6</t>
  </si>
  <si>
    <t>2</t>
  </si>
  <si>
    <t>1</t>
  </si>
  <si>
    <t>8.4</t>
  </si>
  <si>
    <t>55.3</t>
  </si>
  <si>
    <t>7.4</t>
  </si>
  <si>
    <t>0.9</t>
  </si>
  <si>
    <t>&lt;1</t>
  </si>
  <si>
    <t>2018/05/11</t>
  </si>
  <si>
    <t>晴れ</t>
  </si>
  <si>
    <t>21</t>
  </si>
  <si>
    <t>17.5</t>
  </si>
  <si>
    <t>101.7</t>
  </si>
  <si>
    <t>4.5</t>
  </si>
  <si>
    <t>7.6</t>
  </si>
  <si>
    <t>1.1</t>
  </si>
  <si>
    <t>2.1</t>
  </si>
  <si>
    <t>8.5</t>
  </si>
  <si>
    <t>50.9</t>
  </si>
  <si>
    <t>7.3</t>
  </si>
  <si>
    <t>0.4</t>
  </si>
  <si>
    <t>2018/06/06</t>
  </si>
  <si>
    <t>雨</t>
  </si>
  <si>
    <t>20.2</t>
  </si>
  <si>
    <t>21.8</t>
  </si>
  <si>
    <t>92.6</t>
  </si>
  <si>
    <t>3.3</t>
  </si>
  <si>
    <t>0.7</t>
  </si>
  <si>
    <t>3</t>
  </si>
  <si>
    <t>7.8</t>
  </si>
  <si>
    <t>46.3</t>
  </si>
  <si>
    <t>7.5</t>
  </si>
  <si>
    <t>0.2</t>
  </si>
  <si>
    <t>0.8</t>
  </si>
  <si>
    <t>2018/07/04</t>
  </si>
  <si>
    <t>24.6</t>
  </si>
  <si>
    <t>26.7</t>
  </si>
  <si>
    <t>91.6</t>
  </si>
  <si>
    <t>6.1</t>
  </si>
  <si>
    <t>8</t>
  </si>
  <si>
    <t>9.6</t>
  </si>
  <si>
    <t>45.8</t>
  </si>
  <si>
    <t>7.2</t>
  </si>
  <si>
    <t>2018/08/10</t>
  </si>
  <si>
    <t>34.5</t>
  </si>
  <si>
    <t>27.1</t>
  </si>
  <si>
    <t>102</t>
  </si>
  <si>
    <t>4.2</t>
  </si>
  <si>
    <t>1.8</t>
  </si>
  <si>
    <t>9.5</t>
  </si>
  <si>
    <t>51</t>
  </si>
  <si>
    <t>2018/09/12</t>
  </si>
  <si>
    <t>22</t>
  </si>
  <si>
    <t>24</t>
  </si>
  <si>
    <t>101.4</t>
  </si>
  <si>
    <t>8.2</t>
  </si>
  <si>
    <t>0.3</t>
  </si>
  <si>
    <t>1.7</t>
  </si>
  <si>
    <t>9.1</t>
  </si>
  <si>
    <t>50.7</t>
  </si>
  <si>
    <t>0.1</t>
  </si>
  <si>
    <t>2018/10/10</t>
  </si>
  <si>
    <t>20.8</t>
  </si>
  <si>
    <t>106</t>
  </si>
  <si>
    <t>6</t>
  </si>
  <si>
    <t>1.4</t>
  </si>
  <si>
    <t>8.7</t>
  </si>
  <si>
    <t>53</t>
  </si>
  <si>
    <t>2018/11/07</t>
  </si>
  <si>
    <t>17.1</t>
  </si>
  <si>
    <t>16.8</t>
  </si>
  <si>
    <t>109.4</t>
  </si>
  <si>
    <t>2.8</t>
  </si>
  <si>
    <t>0.6</t>
  </si>
  <si>
    <t>1.5</t>
  </si>
  <si>
    <t>54.7</t>
  </si>
  <si>
    <t>&lt;0.1</t>
  </si>
  <si>
    <t>2018/12/05</t>
  </si>
  <si>
    <t>16.9</t>
  </si>
  <si>
    <t>15</t>
  </si>
  <si>
    <t>108.2</t>
  </si>
  <si>
    <t>4.3</t>
  </si>
  <si>
    <t>1.3</t>
  </si>
  <si>
    <t>54.1</t>
  </si>
  <si>
    <t>2019/01/09</t>
  </si>
  <si>
    <t>10</t>
  </si>
  <si>
    <t>6.5</t>
  </si>
  <si>
    <t>7.9</t>
  </si>
  <si>
    <t>7.1</t>
  </si>
  <si>
    <t>2019/02/13</t>
  </si>
  <si>
    <t>8.1</t>
  </si>
  <si>
    <t>1.9</t>
  </si>
  <si>
    <t>2019/03/06</t>
  </si>
  <si>
    <t>10.8</t>
  </si>
  <si>
    <t>9</t>
  </si>
  <si>
    <t>95</t>
  </si>
  <si>
    <t>3.5</t>
  </si>
  <si>
    <t>47.5</t>
  </si>
  <si>
    <t>16.2</t>
  </si>
  <si>
    <t>13.6</t>
  </si>
  <si>
    <t>87</t>
  </si>
  <si>
    <t>3.6</t>
  </si>
  <si>
    <t>1.2</t>
  </si>
  <si>
    <t>8.9</t>
  </si>
  <si>
    <t>43.5</t>
  </si>
  <si>
    <t>89.6</t>
  </si>
  <si>
    <t>5.9</t>
  </si>
  <si>
    <t>44.8</t>
  </si>
  <si>
    <t>21.4</t>
  </si>
  <si>
    <t>22.3</t>
  </si>
  <si>
    <t>80.8</t>
  </si>
  <si>
    <t>3.4</t>
  </si>
  <si>
    <t>2.2</t>
  </si>
  <si>
    <t>40.4</t>
  </si>
  <si>
    <t>29.6</t>
  </si>
  <si>
    <t>26.5</t>
  </si>
  <si>
    <t>78</t>
  </si>
  <si>
    <t>5.4</t>
  </si>
  <si>
    <t>9.8</t>
  </si>
  <si>
    <t>39</t>
  </si>
  <si>
    <t>32.6</t>
  </si>
  <si>
    <t>27.6</t>
  </si>
  <si>
    <t>89</t>
  </si>
  <si>
    <t>4</t>
  </si>
  <si>
    <t>8.3</t>
  </si>
  <si>
    <t>44.5</t>
  </si>
  <si>
    <t>78.2</t>
  </si>
  <si>
    <t>39.1</t>
  </si>
  <si>
    <t>26.8</t>
  </si>
  <si>
    <t>21.3</t>
  </si>
  <si>
    <t>83.6</t>
  </si>
  <si>
    <t>5.7</t>
  </si>
  <si>
    <t>41.8</t>
  </si>
  <si>
    <t>70</t>
  </si>
  <si>
    <t>19.2</t>
  </si>
  <si>
    <t>17</t>
  </si>
  <si>
    <t>80.4</t>
  </si>
  <si>
    <t>40.2</t>
  </si>
  <si>
    <t>76</t>
  </si>
  <si>
    <t>20.9</t>
  </si>
  <si>
    <t>15.1</t>
  </si>
  <si>
    <t>5</t>
  </si>
  <si>
    <t>85</t>
  </si>
  <si>
    <t>10.3</t>
  </si>
  <si>
    <t>81</t>
  </si>
  <si>
    <t>5.5</t>
  </si>
  <si>
    <t>40.5</t>
  </si>
  <si>
    <t>77.2</t>
  </si>
  <si>
    <t>38.6</t>
  </si>
  <si>
    <t>11</t>
  </si>
  <si>
    <t>82.4</t>
  </si>
  <si>
    <t>41.2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宮ヶ瀬湖</t>
  </si>
  <si>
    <t>ダムサイト(14-552-01)</t>
  </si>
  <si>
    <t>湖沼A</t>
  </si>
  <si>
    <t>国土交通省</t>
  </si>
  <si>
    <t>ＤＯ</t>
  </si>
  <si>
    <t>ｎ-ヘキサン抽出物質</t>
  </si>
  <si>
    <t>鉛</t>
  </si>
  <si>
    <t>単位</t>
  </si>
  <si>
    <t>時：分</t>
  </si>
  <si>
    <t>℃</t>
  </si>
  <si>
    <t>m/s</t>
  </si>
  <si>
    <t>ｍ</t>
  </si>
  <si>
    <t>㎝</t>
  </si>
  <si>
    <t>MPN/100mL</t>
  </si>
  <si>
    <t>上層（表層）</t>
  </si>
  <si>
    <t>下層</t>
  </si>
  <si>
    <t>&lt;0.0003</t>
  </si>
  <si>
    <t>&lt;0.01</t>
  </si>
  <si>
    <t>&lt;0.001</t>
  </si>
  <si>
    <t>&lt;0.005</t>
  </si>
  <si>
    <t>&lt;0.0002</t>
  </si>
  <si>
    <t>ダム中央(14-552-51)</t>
  </si>
  <si>
    <t>1，3-ジクロロプロペン</t>
  </si>
  <si>
    <t>銅</t>
  </si>
  <si>
    <t>溶解性鉄</t>
  </si>
  <si>
    <t>&lt;0.002</t>
  </si>
  <si>
    <t>&lt;0.0006</t>
  </si>
  <si>
    <t>&lt;0.02</t>
  </si>
  <si>
    <t>有機りん</t>
  </si>
  <si>
    <t>mS/m</t>
  </si>
  <si>
    <t>‰</t>
  </si>
  <si>
    <t>&lt;0.003</t>
  </si>
  <si>
    <t>&lt;0.0001</t>
  </si>
  <si>
    <t>1，1，1-トリクロロエタン</t>
  </si>
  <si>
    <t>μg/L</t>
  </si>
  <si>
    <t>ノニルフェノール</t>
    <phoneticPr fontId="18"/>
  </si>
  <si>
    <t>ノニルフェノール</t>
    <phoneticPr fontId="18"/>
  </si>
  <si>
    <t>1,4-ジオキサン</t>
    <phoneticPr fontId="18"/>
  </si>
  <si>
    <t>1,4-ジオキサン</t>
    <phoneticPr fontId="18"/>
  </si>
  <si>
    <t>LAS</t>
    <phoneticPr fontId="18"/>
  </si>
  <si>
    <t>&lt;0.0000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3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BZ121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236</v>
      </c>
      <c r="C1" s="1" t="s">
        <v>1</v>
      </c>
      <c r="D1" s="1" t="s">
        <v>237</v>
      </c>
      <c r="E1" s="1" t="s">
        <v>2</v>
      </c>
      <c r="F1" s="1" t="s">
        <v>238</v>
      </c>
      <c r="G1" s="1" t="s">
        <v>3</v>
      </c>
      <c r="H1" s="1" t="s">
        <v>23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240</v>
      </c>
      <c r="V2" s="1" t="s">
        <v>189</v>
      </c>
      <c r="W2" s="1" t="s">
        <v>241</v>
      </c>
      <c r="X2" s="1" t="s">
        <v>190</v>
      </c>
      <c r="Y2" s="1" t="s">
        <v>191</v>
      </c>
      <c r="Z2" s="1" t="s">
        <v>192</v>
      </c>
      <c r="AA2" s="1" t="s">
        <v>271</v>
      </c>
      <c r="AB2" s="1" t="s">
        <v>275</v>
      </c>
      <c r="AC2" s="1" t="s">
        <v>193</v>
      </c>
      <c r="AD2" s="1" t="s">
        <v>194</v>
      </c>
      <c r="AE2" s="1" t="s">
        <v>242</v>
      </c>
      <c r="AF2" s="1" t="s">
        <v>195</v>
      </c>
      <c r="AG2" s="1" t="s">
        <v>196</v>
      </c>
      <c r="AH2" s="1" t="s">
        <v>197</v>
      </c>
      <c r="AI2" s="1" t="s">
        <v>198</v>
      </c>
      <c r="AJ2" s="1" t="s">
        <v>199</v>
      </c>
      <c r="AK2" s="1" t="s">
        <v>200</v>
      </c>
      <c r="AL2" s="1" t="s">
        <v>201</v>
      </c>
      <c r="AM2" s="1" t="s">
        <v>202</v>
      </c>
      <c r="AN2" s="1" t="s">
        <v>203</v>
      </c>
      <c r="AO2" s="1" t="s">
        <v>204</v>
      </c>
      <c r="AP2" t="s">
        <v>269</v>
      </c>
      <c r="AQ2" s="1" t="s">
        <v>205</v>
      </c>
      <c r="AR2" s="1" t="s">
        <v>206</v>
      </c>
      <c r="AS2" s="1" t="s">
        <v>207</v>
      </c>
      <c r="AT2" s="1" t="s">
        <v>258</v>
      </c>
      <c r="AU2" s="1" t="s">
        <v>208</v>
      </c>
      <c r="AV2" s="1" t="s">
        <v>209</v>
      </c>
      <c r="AW2" s="1" t="s">
        <v>210</v>
      </c>
      <c r="AX2" s="1" t="s">
        <v>211</v>
      </c>
      <c r="AY2" s="1" t="s">
        <v>212</v>
      </c>
      <c r="AZ2" s="1" t="s">
        <v>213</v>
      </c>
      <c r="BA2" s="1" t="s">
        <v>214</v>
      </c>
      <c r="BB2" s="1" t="s">
        <v>215</v>
      </c>
      <c r="BC2" s="1" t="s">
        <v>216</v>
      </c>
      <c r="BD2" s="1" t="s">
        <v>217</v>
      </c>
      <c r="BE2" s="1" t="s">
        <v>274</v>
      </c>
      <c r="BF2" s="1" t="s">
        <v>218</v>
      </c>
      <c r="BG2" s="1" t="s">
        <v>259</v>
      </c>
      <c r="BH2" s="1" t="s">
        <v>260</v>
      </c>
      <c r="BI2" s="1" t="s">
        <v>219</v>
      </c>
      <c r="BJ2" s="1" t="s">
        <v>220</v>
      </c>
      <c r="BK2" s="1" t="s">
        <v>221</v>
      </c>
      <c r="BL2" s="1" t="s">
        <v>222</v>
      </c>
      <c r="BM2" s="1" t="s">
        <v>223</v>
      </c>
      <c r="BN2" s="1" t="s">
        <v>224</v>
      </c>
      <c r="BO2" s="1" t="s">
        <v>225</v>
      </c>
      <c r="BP2" s="1" t="s">
        <v>226</v>
      </c>
      <c r="BQ2" s="1" t="s">
        <v>227</v>
      </c>
      <c r="BR2" s="1" t="s">
        <v>228</v>
      </c>
      <c r="BS2" s="1" t="s">
        <v>229</v>
      </c>
      <c r="BT2" s="1" t="s">
        <v>230</v>
      </c>
      <c r="BU2" s="1" t="s">
        <v>231</v>
      </c>
      <c r="BV2" s="1" t="s">
        <v>232</v>
      </c>
      <c r="BW2" s="1" t="s">
        <v>233</v>
      </c>
      <c r="BX2" s="1" t="s">
        <v>234</v>
      </c>
      <c r="BY2" s="1" t="s">
        <v>235</v>
      </c>
      <c r="BZ2" s="1" t="s">
        <v>264</v>
      </c>
    </row>
    <row r="3" spans="1:78" x14ac:dyDescent="0.15">
      <c r="A3" s="1" t="s">
        <v>243</v>
      </c>
      <c r="B3" s="1" t="s">
        <v>244</v>
      </c>
      <c r="C3" s="1"/>
      <c r="D3" s="1"/>
      <c r="E3" s="1"/>
      <c r="F3" s="1" t="s">
        <v>245</v>
      </c>
      <c r="G3" s="1" t="s">
        <v>245</v>
      </c>
      <c r="H3" s="1" t="s">
        <v>246</v>
      </c>
      <c r="I3" s="1" t="s">
        <v>24</v>
      </c>
      <c r="J3" s="1" t="s">
        <v>247</v>
      </c>
      <c r="K3" s="1" t="s">
        <v>247</v>
      </c>
      <c r="L3" s="1" t="s">
        <v>248</v>
      </c>
      <c r="M3" s="1" t="s">
        <v>247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24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265</v>
      </c>
      <c r="BP3" s="1" t="s">
        <v>25</v>
      </c>
      <c r="BQ3" s="1" t="s">
        <v>266</v>
      </c>
      <c r="BR3" s="1" t="s">
        <v>25</v>
      </c>
      <c r="BS3" s="1" t="s">
        <v>25</v>
      </c>
      <c r="BT3" s="1" t="s">
        <v>27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0277777777777773</v>
      </c>
      <c r="C4" s="1" t="s">
        <v>250</v>
      </c>
      <c r="D4" s="1" t="s">
        <v>27</v>
      </c>
      <c r="F4" s="1" t="s">
        <v>28</v>
      </c>
      <c r="G4" s="1" t="s">
        <v>29</v>
      </c>
      <c r="J4" s="1" t="s">
        <v>30</v>
      </c>
      <c r="K4" s="1" t="s">
        <v>31</v>
      </c>
      <c r="L4" s="1" t="s">
        <v>32</v>
      </c>
      <c r="M4" s="1" t="s">
        <v>33</v>
      </c>
      <c r="O4" s="1" t="s">
        <v>34</v>
      </c>
      <c r="P4" s="1" t="s">
        <v>35</v>
      </c>
      <c r="Q4" s="1" t="s">
        <v>36</v>
      </c>
      <c r="R4" s="1" t="s">
        <v>37</v>
      </c>
      <c r="S4" s="1" t="s">
        <v>38</v>
      </c>
      <c r="T4" s="1" t="s">
        <v>39</v>
      </c>
      <c r="U4" s="1">
        <v>10</v>
      </c>
      <c r="V4" s="1">
        <v>130</v>
      </c>
      <c r="W4" s="1"/>
      <c r="X4" s="1">
        <v>0.52</v>
      </c>
      <c r="Y4" s="1">
        <v>1.0999999999999999E-2</v>
      </c>
      <c r="Z4" s="1">
        <v>7.0000000000000001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3.0000000000000001E-3</v>
      </c>
      <c r="BC4" s="1">
        <v>0.24</v>
      </c>
      <c r="BD4" s="1">
        <v>0.28999999999999998</v>
      </c>
      <c r="BE4" s="1"/>
      <c r="BF4" s="1"/>
      <c r="BG4" s="1"/>
      <c r="BH4" s="1"/>
      <c r="BI4" s="1"/>
      <c r="BJ4" s="1"/>
      <c r="BK4" s="1"/>
      <c r="BL4" s="1"/>
      <c r="BM4" s="1">
        <v>0.01</v>
      </c>
      <c r="BN4" s="1">
        <v>5.0000000000000001E-3</v>
      </c>
      <c r="BO4" s="1"/>
      <c r="BP4" s="1"/>
      <c r="BQ4" s="1"/>
      <c r="BR4" s="1"/>
      <c r="BS4" s="1"/>
      <c r="BT4" s="1">
        <v>4</v>
      </c>
      <c r="BU4" s="1"/>
      <c r="BV4" s="1"/>
      <c r="BW4" s="1"/>
      <c r="BX4" s="1"/>
      <c r="BY4" s="1"/>
      <c r="BZ4" s="1"/>
    </row>
    <row r="5" spans="1:78" x14ac:dyDescent="0.15">
      <c r="B5" s="2">
        <v>0.41319444444444442</v>
      </c>
      <c r="C5" s="1" t="s">
        <v>251</v>
      </c>
      <c r="D5" s="1" t="s">
        <v>27</v>
      </c>
      <c r="F5" s="1" t="s">
        <v>28</v>
      </c>
      <c r="G5" s="1" t="s">
        <v>40</v>
      </c>
      <c r="J5" s="1" t="s">
        <v>41</v>
      </c>
      <c r="K5" s="1" t="s">
        <v>31</v>
      </c>
      <c r="L5" s="1" t="s">
        <v>32</v>
      </c>
      <c r="M5" s="1" t="s">
        <v>33</v>
      </c>
      <c r="O5" s="1" t="s">
        <v>34</v>
      </c>
      <c r="P5" s="1" t="s">
        <v>35</v>
      </c>
      <c r="Q5" s="1" t="s">
        <v>42</v>
      </c>
      <c r="R5" s="1" t="s">
        <v>30</v>
      </c>
      <c r="S5" s="1" t="s">
        <v>43</v>
      </c>
      <c r="T5" s="1" t="s">
        <v>44</v>
      </c>
      <c r="U5" s="1">
        <v>8.6999999999999993</v>
      </c>
      <c r="V5" s="1">
        <v>2</v>
      </c>
      <c r="W5" s="1"/>
      <c r="X5" s="1">
        <v>0.37</v>
      </c>
      <c r="Y5" s="1">
        <v>5.0000000000000001E-3</v>
      </c>
      <c r="Z5" s="1">
        <v>2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4.0000000000000001E-3</v>
      </c>
      <c r="BC5" s="1">
        <v>0.27</v>
      </c>
      <c r="BD5" s="1">
        <v>0.32</v>
      </c>
      <c r="BE5" s="1"/>
      <c r="BF5" s="1"/>
      <c r="BG5" s="1"/>
      <c r="BH5" s="1"/>
      <c r="BI5" s="1"/>
      <c r="BJ5" s="1"/>
      <c r="BK5" s="1"/>
      <c r="BL5" s="1"/>
      <c r="BM5" s="1" t="s">
        <v>253</v>
      </c>
      <c r="BN5" s="1" t="s">
        <v>267</v>
      </c>
      <c r="BO5" s="1"/>
      <c r="BP5" s="1"/>
      <c r="BQ5" s="1"/>
      <c r="BR5" s="1"/>
      <c r="BS5" s="1"/>
      <c r="BT5" s="1" t="s">
        <v>44</v>
      </c>
      <c r="BU5" s="1"/>
      <c r="BV5" s="1"/>
      <c r="BW5" s="1"/>
      <c r="BX5" s="1"/>
      <c r="BY5" s="1"/>
      <c r="BZ5" s="1"/>
    </row>
    <row r="6" spans="1:78" x14ac:dyDescent="0.15">
      <c r="A6" s="1" t="s">
        <v>45</v>
      </c>
      <c r="B6" s="2">
        <v>0.39583333333333331</v>
      </c>
      <c r="C6" s="1" t="s">
        <v>250</v>
      </c>
      <c r="D6" s="1" t="s">
        <v>46</v>
      </c>
      <c r="F6" s="1" t="s">
        <v>47</v>
      </c>
      <c r="G6" s="1" t="s">
        <v>48</v>
      </c>
      <c r="J6" s="1" t="s">
        <v>30</v>
      </c>
      <c r="K6" s="1" t="s">
        <v>49</v>
      </c>
      <c r="L6" s="1" t="s">
        <v>32</v>
      </c>
      <c r="M6" s="1" t="s">
        <v>50</v>
      </c>
      <c r="O6" s="1" t="s">
        <v>34</v>
      </c>
      <c r="P6" s="1" t="s">
        <v>35</v>
      </c>
      <c r="Q6" s="1" t="s">
        <v>51</v>
      </c>
      <c r="R6" s="1" t="s">
        <v>52</v>
      </c>
      <c r="S6" s="1" t="s">
        <v>53</v>
      </c>
      <c r="T6" s="1" t="s">
        <v>39</v>
      </c>
      <c r="U6" s="1">
        <v>10</v>
      </c>
      <c r="V6" s="1">
        <v>490</v>
      </c>
      <c r="W6" s="1"/>
      <c r="X6" s="1">
        <v>0.32</v>
      </c>
      <c r="Y6" s="1">
        <v>8.9999999999999993E-3</v>
      </c>
      <c r="Z6" s="1">
        <v>5.0000000000000001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3.0000000000000001E-3</v>
      </c>
      <c r="BC6" s="1">
        <v>0.13</v>
      </c>
      <c r="BD6" s="1">
        <v>0.18</v>
      </c>
      <c r="BE6" s="1"/>
      <c r="BF6" s="1"/>
      <c r="BG6" s="1"/>
      <c r="BH6" s="1"/>
      <c r="BI6" s="1"/>
      <c r="BJ6" s="1"/>
      <c r="BK6" s="1"/>
      <c r="BL6" s="1"/>
      <c r="BM6" s="1">
        <v>0.03</v>
      </c>
      <c r="BN6" s="1">
        <v>3.0000000000000001E-3</v>
      </c>
      <c r="BO6" s="1"/>
      <c r="BP6" s="1"/>
      <c r="BQ6" s="1"/>
      <c r="BR6" s="1"/>
      <c r="BS6" s="1"/>
      <c r="BT6" s="1">
        <v>4</v>
      </c>
      <c r="BU6" s="1">
        <v>1.6E-2</v>
      </c>
      <c r="BV6" s="1">
        <v>1.4999999999999999E-2</v>
      </c>
      <c r="BW6" s="1">
        <v>1.1999999999999999E-3</v>
      </c>
      <c r="BX6" s="1">
        <v>1E-4</v>
      </c>
      <c r="BY6" s="1" t="s">
        <v>268</v>
      </c>
      <c r="BZ6" s="1"/>
    </row>
    <row r="7" spans="1:78" x14ac:dyDescent="0.15">
      <c r="B7" s="2">
        <v>0.40625</v>
      </c>
      <c r="C7" s="1" t="s">
        <v>251</v>
      </c>
      <c r="D7" s="1" t="s">
        <v>46</v>
      </c>
      <c r="F7" s="1" t="s">
        <v>47</v>
      </c>
      <c r="G7" s="1" t="s">
        <v>54</v>
      </c>
      <c r="J7" s="1" t="s">
        <v>55</v>
      </c>
      <c r="K7" s="1" t="s">
        <v>49</v>
      </c>
      <c r="L7" s="1" t="s">
        <v>32</v>
      </c>
      <c r="M7" s="1" t="s">
        <v>50</v>
      </c>
      <c r="O7" s="1" t="s">
        <v>34</v>
      </c>
      <c r="P7" s="1" t="s">
        <v>35</v>
      </c>
      <c r="Q7" s="1" t="s">
        <v>56</v>
      </c>
      <c r="R7" s="1" t="s">
        <v>57</v>
      </c>
      <c r="S7" s="1" t="s">
        <v>39</v>
      </c>
      <c r="T7" s="1" t="s">
        <v>44</v>
      </c>
      <c r="U7" s="1">
        <v>8.3000000000000007</v>
      </c>
      <c r="V7" s="1">
        <v>23</v>
      </c>
      <c r="W7" s="1"/>
      <c r="X7" s="1">
        <v>0.39</v>
      </c>
      <c r="Y7" s="1">
        <v>3.0000000000000001E-3</v>
      </c>
      <c r="Z7" s="1">
        <v>3.0000000000000001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3.0000000000000001E-3</v>
      </c>
      <c r="BC7" s="1">
        <v>0.27</v>
      </c>
      <c r="BD7" s="1">
        <v>0.32</v>
      </c>
      <c r="BE7" s="1"/>
      <c r="BF7" s="1"/>
      <c r="BG7" s="1"/>
      <c r="BH7" s="1"/>
      <c r="BI7" s="1"/>
      <c r="BJ7" s="1"/>
      <c r="BK7" s="1"/>
      <c r="BL7" s="1"/>
      <c r="BM7" s="1">
        <v>0.01</v>
      </c>
      <c r="BN7" s="1" t="s">
        <v>267</v>
      </c>
      <c r="BO7" s="1"/>
      <c r="BP7" s="1"/>
      <c r="BQ7" s="1"/>
      <c r="BR7" s="1"/>
      <c r="BS7" s="1"/>
      <c r="BT7" s="1" t="s">
        <v>44</v>
      </c>
      <c r="BU7" s="1"/>
      <c r="BV7" s="1"/>
      <c r="BW7" s="1"/>
      <c r="BX7" s="1"/>
      <c r="BY7" s="1"/>
      <c r="BZ7" s="1"/>
    </row>
    <row r="8" spans="1:78" x14ac:dyDescent="0.15">
      <c r="A8" s="1" t="s">
        <v>58</v>
      </c>
      <c r="B8" s="2">
        <v>0.3923611111111111</v>
      </c>
      <c r="C8" s="1" t="s">
        <v>250</v>
      </c>
      <c r="D8" s="1" t="s">
        <v>59</v>
      </c>
      <c r="F8" s="1" t="s">
        <v>60</v>
      </c>
      <c r="G8" s="1" t="s">
        <v>61</v>
      </c>
      <c r="J8" s="1" t="s">
        <v>30</v>
      </c>
      <c r="K8" s="1" t="s">
        <v>62</v>
      </c>
      <c r="L8" s="1" t="s">
        <v>32</v>
      </c>
      <c r="M8" s="1" t="s">
        <v>63</v>
      </c>
      <c r="O8" s="1" t="s">
        <v>34</v>
      </c>
      <c r="P8" s="1" t="s">
        <v>35</v>
      </c>
      <c r="Q8" s="1" t="s">
        <v>54</v>
      </c>
      <c r="R8" s="1" t="s">
        <v>64</v>
      </c>
      <c r="S8" s="1" t="s">
        <v>53</v>
      </c>
      <c r="T8" s="1" t="s">
        <v>65</v>
      </c>
      <c r="U8" s="1">
        <v>9.1999999999999993</v>
      </c>
      <c r="V8" s="1">
        <v>170</v>
      </c>
      <c r="W8" s="1"/>
      <c r="X8" s="1">
        <v>0.49</v>
      </c>
      <c r="Y8" s="1">
        <v>7.0000000000000001E-3</v>
      </c>
      <c r="Z8" s="1">
        <v>6.0000000000000001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2E-3</v>
      </c>
      <c r="BC8" s="1">
        <v>0.1</v>
      </c>
      <c r="BD8" s="1">
        <v>0.15</v>
      </c>
      <c r="BE8" s="1"/>
      <c r="BF8" s="1"/>
      <c r="BG8" s="1"/>
      <c r="BH8" s="1"/>
      <c r="BI8" s="1"/>
      <c r="BJ8" s="1"/>
      <c r="BK8" s="1"/>
      <c r="BL8" s="1"/>
      <c r="BM8" s="1" t="s">
        <v>253</v>
      </c>
      <c r="BN8" s="1" t="s">
        <v>267</v>
      </c>
      <c r="BO8" s="1"/>
      <c r="BP8" s="1"/>
      <c r="BQ8" s="1"/>
      <c r="BR8" s="1"/>
      <c r="BS8" s="1"/>
      <c r="BT8" s="1">
        <v>3</v>
      </c>
      <c r="BU8" s="1"/>
      <c r="BV8" s="1"/>
      <c r="BW8" s="1"/>
      <c r="BX8" s="1"/>
      <c r="BY8" s="1"/>
      <c r="BZ8" s="1"/>
    </row>
    <row r="9" spans="1:78" x14ac:dyDescent="0.15">
      <c r="B9" s="2">
        <v>0.40625</v>
      </c>
      <c r="C9" s="1" t="s">
        <v>251</v>
      </c>
      <c r="D9" s="1" t="s">
        <v>59</v>
      </c>
      <c r="F9" s="1" t="s">
        <v>60</v>
      </c>
      <c r="G9" s="1" t="s">
        <v>66</v>
      </c>
      <c r="J9" s="1" t="s">
        <v>67</v>
      </c>
      <c r="K9" s="1" t="s">
        <v>62</v>
      </c>
      <c r="L9" s="1" t="s">
        <v>32</v>
      </c>
      <c r="M9" s="1" t="s">
        <v>63</v>
      </c>
      <c r="O9" s="1" t="s">
        <v>34</v>
      </c>
      <c r="P9" s="1" t="s">
        <v>35</v>
      </c>
      <c r="Q9" s="1" t="s">
        <v>68</v>
      </c>
      <c r="R9" s="1" t="s">
        <v>69</v>
      </c>
      <c r="S9" s="1" t="s">
        <v>70</v>
      </c>
      <c r="T9" s="1" t="s">
        <v>44</v>
      </c>
      <c r="U9" s="1">
        <v>8.5</v>
      </c>
      <c r="V9" s="1">
        <v>79</v>
      </c>
      <c r="W9" s="1"/>
      <c r="X9" s="1">
        <v>0.47</v>
      </c>
      <c r="Y9" s="1">
        <v>3.0000000000000001E-3</v>
      </c>
      <c r="Z9" s="1">
        <v>1E-3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261</v>
      </c>
      <c r="BC9" s="1">
        <v>0.28999999999999998</v>
      </c>
      <c r="BD9" s="1">
        <v>0.34</v>
      </c>
      <c r="BE9" s="1"/>
      <c r="BF9" s="1"/>
      <c r="BG9" s="1"/>
      <c r="BH9" s="1"/>
      <c r="BI9" s="1"/>
      <c r="BJ9" s="1"/>
      <c r="BK9" s="1"/>
      <c r="BL9" s="1"/>
      <c r="BM9" s="1" t="s">
        <v>253</v>
      </c>
      <c r="BN9" s="1" t="s">
        <v>267</v>
      </c>
      <c r="BO9" s="1"/>
      <c r="BP9" s="1"/>
      <c r="BQ9" s="1"/>
      <c r="BR9" s="1"/>
      <c r="BS9" s="1"/>
      <c r="BT9" s="1" t="s">
        <v>44</v>
      </c>
      <c r="BU9" s="1"/>
      <c r="BV9" s="1"/>
      <c r="BW9" s="1"/>
      <c r="BX9" s="1"/>
      <c r="BY9" s="1"/>
      <c r="BZ9" s="1"/>
    </row>
    <row r="10" spans="1:78" x14ac:dyDescent="0.15">
      <c r="A10" s="1" t="s">
        <v>71</v>
      </c>
      <c r="B10" s="2">
        <v>0.38541666666666669</v>
      </c>
      <c r="C10" s="1" t="s">
        <v>250</v>
      </c>
      <c r="D10" s="1" t="s">
        <v>27</v>
      </c>
      <c r="F10" s="1" t="s">
        <v>72</v>
      </c>
      <c r="G10" s="1" t="s">
        <v>73</v>
      </c>
      <c r="J10" s="1" t="s">
        <v>30</v>
      </c>
      <c r="K10" s="1" t="s">
        <v>74</v>
      </c>
      <c r="L10" s="1" t="s">
        <v>32</v>
      </c>
      <c r="M10" s="1" t="s">
        <v>75</v>
      </c>
      <c r="O10" s="1" t="s">
        <v>34</v>
      </c>
      <c r="P10" s="1" t="s">
        <v>35</v>
      </c>
      <c r="Q10" s="1" t="s">
        <v>76</v>
      </c>
      <c r="R10" s="1" t="s">
        <v>43</v>
      </c>
      <c r="S10" s="1" t="s">
        <v>53</v>
      </c>
      <c r="T10" s="1" t="s">
        <v>39</v>
      </c>
      <c r="U10" s="1">
        <v>7.9</v>
      </c>
      <c r="V10" s="1">
        <v>17</v>
      </c>
      <c r="W10" s="1"/>
      <c r="X10" s="1">
        <v>0.24</v>
      </c>
      <c r="Y10" s="1">
        <v>5.0000000000000001E-3</v>
      </c>
      <c r="Z10" s="1">
        <v>4.0000000000000001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2E-3</v>
      </c>
      <c r="BC10" s="1">
        <v>0.09</v>
      </c>
      <c r="BD10" s="1">
        <v>0.14000000000000001</v>
      </c>
      <c r="BE10" s="1"/>
      <c r="BF10" s="1"/>
      <c r="BG10" s="1"/>
      <c r="BH10" s="1"/>
      <c r="BI10" s="1"/>
      <c r="BJ10" s="1"/>
      <c r="BK10" s="1"/>
      <c r="BL10" s="1"/>
      <c r="BM10" s="1">
        <v>0.01</v>
      </c>
      <c r="BN10" s="1" t="s">
        <v>267</v>
      </c>
      <c r="BO10" s="1"/>
      <c r="BP10" s="1"/>
      <c r="BQ10" s="1"/>
      <c r="BR10" s="1"/>
      <c r="BS10" s="1"/>
      <c r="BT10" s="1">
        <v>2</v>
      </c>
      <c r="BU10" s="1"/>
      <c r="BV10" s="1"/>
      <c r="BW10" s="1"/>
      <c r="BX10" s="1"/>
      <c r="BY10" s="1"/>
      <c r="BZ10" s="1"/>
    </row>
    <row r="11" spans="1:78" x14ac:dyDescent="0.15">
      <c r="B11" s="2">
        <v>0.40277777777777773</v>
      </c>
      <c r="C11" s="1" t="s">
        <v>251</v>
      </c>
      <c r="D11" s="1" t="s">
        <v>27</v>
      </c>
      <c r="F11" s="1" t="s">
        <v>72</v>
      </c>
      <c r="G11" s="1" t="s">
        <v>77</v>
      </c>
      <c r="J11" s="1" t="s">
        <v>78</v>
      </c>
      <c r="K11" s="1" t="s">
        <v>74</v>
      </c>
      <c r="L11" s="1" t="s">
        <v>32</v>
      </c>
      <c r="M11" s="1" t="s">
        <v>75</v>
      </c>
      <c r="O11" s="1" t="s">
        <v>34</v>
      </c>
      <c r="P11" s="1" t="s">
        <v>35</v>
      </c>
      <c r="Q11" s="1" t="s">
        <v>79</v>
      </c>
      <c r="R11" s="1" t="s">
        <v>69</v>
      </c>
      <c r="S11" s="1" t="s">
        <v>43</v>
      </c>
      <c r="T11" s="1" t="s">
        <v>44</v>
      </c>
      <c r="U11" s="1">
        <v>7.9</v>
      </c>
      <c r="V11" s="1">
        <v>17</v>
      </c>
      <c r="W11" s="1"/>
      <c r="X11" s="1">
        <v>0.36</v>
      </c>
      <c r="Y11" s="1">
        <v>4.0000000000000001E-3</v>
      </c>
      <c r="Z11" s="1">
        <v>2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261</v>
      </c>
      <c r="BC11" s="1">
        <v>0.28000000000000003</v>
      </c>
      <c r="BD11" s="1">
        <v>0.33</v>
      </c>
      <c r="BE11" s="1"/>
      <c r="BF11" s="1"/>
      <c r="BG11" s="1"/>
      <c r="BH11" s="1"/>
      <c r="BI11" s="1"/>
      <c r="BJ11" s="1"/>
      <c r="BK11" s="1"/>
      <c r="BL11" s="1"/>
      <c r="BM11" s="1" t="s">
        <v>253</v>
      </c>
      <c r="BN11" s="1" t="s">
        <v>267</v>
      </c>
      <c r="BO11" s="1"/>
      <c r="BP11" s="1"/>
      <c r="BQ11" s="1"/>
      <c r="BR11" s="1"/>
      <c r="BS11" s="1"/>
      <c r="BT11" s="1" t="s">
        <v>44</v>
      </c>
      <c r="BU11" s="1"/>
      <c r="BV11" s="1"/>
      <c r="BW11" s="1"/>
      <c r="BX11" s="1"/>
      <c r="BY11" s="1"/>
      <c r="BZ11" s="1"/>
    </row>
    <row r="12" spans="1:78" x14ac:dyDescent="0.15">
      <c r="A12" s="1" t="s">
        <v>80</v>
      </c>
      <c r="B12" s="2">
        <v>0.40277777777777773</v>
      </c>
      <c r="C12" s="1" t="s">
        <v>250</v>
      </c>
      <c r="D12" s="1" t="s">
        <v>46</v>
      </c>
      <c r="F12" s="1" t="s">
        <v>81</v>
      </c>
      <c r="G12" s="1" t="s">
        <v>82</v>
      </c>
      <c r="J12" s="1" t="s">
        <v>30</v>
      </c>
      <c r="K12" s="1" t="s">
        <v>83</v>
      </c>
      <c r="L12" s="1" t="s">
        <v>32</v>
      </c>
      <c r="M12" s="1" t="s">
        <v>84</v>
      </c>
      <c r="O12" s="1" t="s">
        <v>34</v>
      </c>
      <c r="P12" s="1" t="s">
        <v>35</v>
      </c>
      <c r="Q12" s="1" t="s">
        <v>40</v>
      </c>
      <c r="R12" s="1" t="s">
        <v>57</v>
      </c>
      <c r="S12" s="1" t="s">
        <v>85</v>
      </c>
      <c r="T12" s="1" t="s">
        <v>44</v>
      </c>
      <c r="U12" s="1">
        <v>8.1999999999999993</v>
      </c>
      <c r="V12" s="1">
        <v>33</v>
      </c>
      <c r="W12" s="1"/>
      <c r="X12" s="1">
        <v>0.43</v>
      </c>
      <c r="Y12" s="1">
        <v>3.0000000000000001E-3</v>
      </c>
      <c r="Z12" s="1">
        <v>5.0000000000000001E-3</v>
      </c>
      <c r="AA12" s="1" t="s">
        <v>276</v>
      </c>
      <c r="AB12" s="1" t="s">
        <v>262</v>
      </c>
      <c r="AC12" s="1" t="s">
        <v>252</v>
      </c>
      <c r="AD12" s="1" t="s">
        <v>253</v>
      </c>
      <c r="AE12" s="1" t="s">
        <v>254</v>
      </c>
      <c r="AF12" s="1" t="s">
        <v>255</v>
      </c>
      <c r="AG12" s="1" t="s">
        <v>254</v>
      </c>
      <c r="AH12" s="1" t="s">
        <v>252</v>
      </c>
      <c r="AI12" s="1"/>
      <c r="AJ12" s="1" t="s">
        <v>252</v>
      </c>
      <c r="AK12" s="1" t="s">
        <v>256</v>
      </c>
      <c r="AL12" s="1" t="s">
        <v>256</v>
      </c>
      <c r="AM12" s="1" t="s">
        <v>256</v>
      </c>
      <c r="AN12" s="1" t="s">
        <v>256</v>
      </c>
      <c r="AO12" s="1" t="s">
        <v>256</v>
      </c>
      <c r="AP12" t="s">
        <v>256</v>
      </c>
      <c r="AQ12" s="1" t="s">
        <v>256</v>
      </c>
      <c r="AR12" s="1" t="s">
        <v>256</v>
      </c>
      <c r="AS12" s="1" t="s">
        <v>256</v>
      </c>
      <c r="AT12" s="1" t="s">
        <v>256</v>
      </c>
      <c r="AU12" s="1" t="s">
        <v>262</v>
      </c>
      <c r="AV12" s="1" t="s">
        <v>252</v>
      </c>
      <c r="AW12" s="1" t="s">
        <v>252</v>
      </c>
      <c r="AX12" s="1" t="s">
        <v>256</v>
      </c>
      <c r="AY12" s="1" t="s">
        <v>254</v>
      </c>
      <c r="AZ12" s="1">
        <v>0.06</v>
      </c>
      <c r="BA12" s="1" t="s">
        <v>263</v>
      </c>
      <c r="BB12" s="1">
        <v>2E-3</v>
      </c>
      <c r="BC12" s="1">
        <v>0.12</v>
      </c>
      <c r="BD12" s="1">
        <v>0.17</v>
      </c>
      <c r="BE12" s="1" t="s">
        <v>255</v>
      </c>
      <c r="BF12" s="1"/>
      <c r="BG12" s="1"/>
      <c r="BH12" s="1"/>
      <c r="BI12" s="1"/>
      <c r="BJ12" s="1"/>
      <c r="BK12" s="1"/>
      <c r="BL12" s="1"/>
      <c r="BM12" s="1">
        <v>0.01</v>
      </c>
      <c r="BN12" s="1" t="s">
        <v>267</v>
      </c>
      <c r="BO12" s="1"/>
      <c r="BP12" s="1"/>
      <c r="BQ12" s="1"/>
      <c r="BR12" s="1"/>
      <c r="BS12" s="1"/>
      <c r="BT12" s="1">
        <v>1</v>
      </c>
      <c r="BU12" s="1">
        <v>1.4999999999999999E-2</v>
      </c>
      <c r="BV12" s="1">
        <v>1.4E-2</v>
      </c>
      <c r="BW12" s="1">
        <v>1.1999999999999999E-3</v>
      </c>
      <c r="BX12" s="1">
        <v>1E-4</v>
      </c>
      <c r="BY12" s="1" t="s">
        <v>268</v>
      </c>
      <c r="BZ12" s="1"/>
    </row>
    <row r="13" spans="1:78" x14ac:dyDescent="0.15">
      <c r="B13" s="2">
        <v>0.41666666666666669</v>
      </c>
      <c r="C13" s="1" t="s">
        <v>251</v>
      </c>
      <c r="D13" s="1" t="s">
        <v>46</v>
      </c>
      <c r="F13" s="1" t="s">
        <v>81</v>
      </c>
      <c r="G13" s="1" t="s">
        <v>86</v>
      </c>
      <c r="J13" s="1" t="s">
        <v>87</v>
      </c>
      <c r="K13" s="1" t="s">
        <v>83</v>
      </c>
      <c r="L13" s="1" t="s">
        <v>32</v>
      </c>
      <c r="M13" s="1" t="s">
        <v>84</v>
      </c>
      <c r="O13" s="1" t="s">
        <v>34</v>
      </c>
      <c r="P13" s="1" t="s">
        <v>35</v>
      </c>
      <c r="Q13" s="1" t="s">
        <v>56</v>
      </c>
      <c r="R13" s="1" t="s">
        <v>30</v>
      </c>
      <c r="S13" s="1" t="s">
        <v>39</v>
      </c>
      <c r="T13" s="1" t="s">
        <v>44</v>
      </c>
      <c r="U13" s="1">
        <v>7.4</v>
      </c>
      <c r="V13" s="1">
        <v>17</v>
      </c>
      <c r="W13" s="1"/>
      <c r="X13" s="1">
        <v>0.55000000000000004</v>
      </c>
      <c r="Y13" s="1">
        <v>3.0000000000000001E-3</v>
      </c>
      <c r="Z13" s="1">
        <v>1E-3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261</v>
      </c>
      <c r="BC13" s="1">
        <v>0.27</v>
      </c>
      <c r="BD13" s="1">
        <v>0.32</v>
      </c>
      <c r="BE13" s="1"/>
      <c r="BF13" s="1"/>
      <c r="BG13" s="1"/>
      <c r="BH13" s="1"/>
      <c r="BI13" s="1"/>
      <c r="BJ13" s="1"/>
      <c r="BK13" s="1"/>
      <c r="BL13" s="1"/>
      <c r="BM13" s="1">
        <v>0.01</v>
      </c>
      <c r="BN13" s="1" t="s">
        <v>267</v>
      </c>
      <c r="BO13" s="1"/>
      <c r="BP13" s="1"/>
      <c r="BQ13" s="1"/>
      <c r="BR13" s="1"/>
      <c r="BS13" s="1"/>
      <c r="BT13" s="1" t="s">
        <v>44</v>
      </c>
      <c r="BU13" s="1"/>
      <c r="BV13" s="1"/>
      <c r="BW13" s="1"/>
      <c r="BX13" s="1"/>
      <c r="BY13" s="1"/>
      <c r="BZ13" s="1"/>
    </row>
    <row r="14" spans="1:78" x14ac:dyDescent="0.15">
      <c r="A14" s="1" t="s">
        <v>88</v>
      </c>
      <c r="B14" s="2">
        <v>0.39583333333333331</v>
      </c>
      <c r="C14" s="1" t="s">
        <v>250</v>
      </c>
      <c r="D14" s="1" t="s">
        <v>27</v>
      </c>
      <c r="F14" s="1" t="s">
        <v>89</v>
      </c>
      <c r="G14" s="1" t="s">
        <v>90</v>
      </c>
      <c r="J14" s="1" t="s">
        <v>30</v>
      </c>
      <c r="K14" s="1" t="s">
        <v>91</v>
      </c>
      <c r="L14" s="1" t="s">
        <v>32</v>
      </c>
      <c r="M14" s="1" t="s">
        <v>92</v>
      </c>
      <c r="O14" s="1" t="s">
        <v>34</v>
      </c>
      <c r="P14" s="1" t="s">
        <v>35</v>
      </c>
      <c r="Q14" s="1" t="s">
        <v>36</v>
      </c>
      <c r="R14" s="1" t="s">
        <v>93</v>
      </c>
      <c r="S14" s="1" t="s">
        <v>94</v>
      </c>
      <c r="T14" s="1" t="s">
        <v>44</v>
      </c>
      <c r="U14" s="1">
        <v>8.1999999999999993</v>
      </c>
      <c r="V14" s="1">
        <v>22</v>
      </c>
      <c r="W14" s="1"/>
      <c r="X14" s="1">
        <v>0.35</v>
      </c>
      <c r="Y14" s="1">
        <v>6.0000000000000001E-3</v>
      </c>
      <c r="Z14" s="1">
        <v>8.9999999999999993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2E-3</v>
      </c>
      <c r="BC14" s="1">
        <v>0.17</v>
      </c>
      <c r="BD14" s="1">
        <v>0.22</v>
      </c>
      <c r="BE14" s="1"/>
      <c r="BF14" s="1"/>
      <c r="BG14" s="1"/>
      <c r="BH14" s="1"/>
      <c r="BI14" s="1"/>
      <c r="BJ14" s="1"/>
      <c r="BK14" s="1"/>
      <c r="BL14" s="1"/>
      <c r="BM14" s="1" t="s">
        <v>253</v>
      </c>
      <c r="BN14" s="1" t="s">
        <v>267</v>
      </c>
      <c r="BO14" s="1"/>
      <c r="BP14" s="1"/>
      <c r="BQ14" s="1"/>
      <c r="BR14" s="1"/>
      <c r="BS14" s="1"/>
      <c r="BT14" s="1" t="s">
        <v>44</v>
      </c>
      <c r="BU14" s="1"/>
      <c r="BV14" s="1"/>
      <c r="BW14" s="1"/>
      <c r="BX14" s="1"/>
      <c r="BY14" s="1"/>
      <c r="BZ14" s="1"/>
    </row>
    <row r="15" spans="1:78" x14ac:dyDescent="0.15">
      <c r="B15" s="2">
        <v>0.41319444444444442</v>
      </c>
      <c r="C15" s="1" t="s">
        <v>251</v>
      </c>
      <c r="D15" s="1" t="s">
        <v>27</v>
      </c>
      <c r="F15" s="1" t="s">
        <v>89</v>
      </c>
      <c r="G15" s="1" t="s">
        <v>95</v>
      </c>
      <c r="J15" s="1" t="s">
        <v>96</v>
      </c>
      <c r="K15" s="1" t="s">
        <v>91</v>
      </c>
      <c r="L15" s="1" t="s">
        <v>32</v>
      </c>
      <c r="M15" s="1" t="s">
        <v>92</v>
      </c>
      <c r="O15" s="1" t="s">
        <v>34</v>
      </c>
      <c r="P15" s="1" t="s">
        <v>35</v>
      </c>
      <c r="Q15" s="1" t="s">
        <v>56</v>
      </c>
      <c r="R15" s="1" t="s">
        <v>97</v>
      </c>
      <c r="S15" s="1" t="s">
        <v>43</v>
      </c>
      <c r="T15" s="1" t="s">
        <v>39</v>
      </c>
      <c r="U15" s="1">
        <v>7.1</v>
      </c>
      <c r="V15" s="1">
        <v>33</v>
      </c>
      <c r="W15" s="1"/>
      <c r="X15" s="1">
        <v>0.4</v>
      </c>
      <c r="Y15" s="1">
        <v>4.0000000000000001E-3</v>
      </c>
      <c r="Z15" s="1">
        <v>3.0000000000000001E-3</v>
      </c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 t="s">
        <v>261</v>
      </c>
      <c r="BC15" s="1">
        <v>0.28000000000000003</v>
      </c>
      <c r="BD15" s="1">
        <v>0.33</v>
      </c>
      <c r="BE15" s="1"/>
      <c r="BF15" s="1"/>
      <c r="BG15" s="1"/>
      <c r="BH15" s="1"/>
      <c r="BI15" s="1"/>
      <c r="BJ15" s="1"/>
      <c r="BK15" s="1"/>
      <c r="BL15" s="1"/>
      <c r="BM15" s="1" t="s">
        <v>253</v>
      </c>
      <c r="BN15" s="1">
        <v>4.0000000000000001E-3</v>
      </c>
      <c r="BO15" s="1"/>
      <c r="BP15" s="1"/>
      <c r="BQ15" s="1"/>
      <c r="BR15" s="1"/>
      <c r="BS15" s="1"/>
      <c r="BT15" s="1" t="s">
        <v>44</v>
      </c>
      <c r="BU15" s="1"/>
      <c r="BV15" s="1"/>
      <c r="BW15" s="1"/>
      <c r="BX15" s="1"/>
      <c r="BY15" s="1"/>
      <c r="BZ15" s="1"/>
    </row>
    <row r="16" spans="1:78" x14ac:dyDescent="0.15">
      <c r="A16" s="1" t="s">
        <v>98</v>
      </c>
      <c r="B16" s="2">
        <v>0.3888888888888889</v>
      </c>
      <c r="C16" s="1" t="s">
        <v>250</v>
      </c>
      <c r="D16" s="1" t="s">
        <v>46</v>
      </c>
      <c r="F16" s="1" t="s">
        <v>90</v>
      </c>
      <c r="G16" s="1" t="s">
        <v>99</v>
      </c>
      <c r="J16" s="1" t="s">
        <v>30</v>
      </c>
      <c r="K16" s="1" t="s">
        <v>100</v>
      </c>
      <c r="L16" s="1" t="s">
        <v>32</v>
      </c>
      <c r="M16" s="1" t="s">
        <v>101</v>
      </c>
      <c r="O16" s="1" t="s">
        <v>34</v>
      </c>
      <c r="P16" s="1" t="s">
        <v>35</v>
      </c>
      <c r="Q16" s="1" t="s">
        <v>66</v>
      </c>
      <c r="R16" s="1" t="s">
        <v>57</v>
      </c>
      <c r="S16" s="1" t="s">
        <v>102</v>
      </c>
      <c r="T16" s="1" t="s">
        <v>39</v>
      </c>
      <c r="U16" s="1">
        <v>8.1999999999999993</v>
      </c>
      <c r="V16" s="1">
        <v>49</v>
      </c>
      <c r="W16" s="1"/>
      <c r="X16" s="1">
        <v>0.35</v>
      </c>
      <c r="Y16" s="1">
        <v>5.0000000000000001E-3</v>
      </c>
      <c r="Z16" s="1">
        <v>8.0000000000000002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4.0000000000000001E-3</v>
      </c>
      <c r="BC16" s="1">
        <v>0.18</v>
      </c>
      <c r="BD16" s="1">
        <v>0.23</v>
      </c>
      <c r="BE16" s="1"/>
      <c r="BF16" s="1"/>
      <c r="BG16" s="1"/>
      <c r="BH16" s="1"/>
      <c r="BI16" s="1"/>
      <c r="BJ16" s="1"/>
      <c r="BK16" s="1"/>
      <c r="BL16" s="1"/>
      <c r="BM16" s="1" t="s">
        <v>253</v>
      </c>
      <c r="BN16" s="1" t="s">
        <v>267</v>
      </c>
      <c r="BO16" s="1"/>
      <c r="BP16" s="1"/>
      <c r="BQ16" s="1"/>
      <c r="BR16" s="1"/>
      <c r="BS16" s="1"/>
      <c r="BT16" s="1">
        <v>1</v>
      </c>
      <c r="BU16" s="1"/>
      <c r="BV16" s="1"/>
      <c r="BW16" s="1"/>
      <c r="BX16" s="1"/>
      <c r="BY16" s="1"/>
      <c r="BZ16" s="1"/>
    </row>
    <row r="17" spans="1:78" x14ac:dyDescent="0.15">
      <c r="B17" s="2">
        <v>0.39930555555555558</v>
      </c>
      <c r="C17" s="1" t="s">
        <v>251</v>
      </c>
      <c r="D17" s="1" t="s">
        <v>46</v>
      </c>
      <c r="F17" s="1" t="s">
        <v>90</v>
      </c>
      <c r="G17" s="1" t="s">
        <v>103</v>
      </c>
      <c r="J17" s="1" t="s">
        <v>104</v>
      </c>
      <c r="K17" s="1" t="s">
        <v>100</v>
      </c>
      <c r="L17" s="1" t="s">
        <v>32</v>
      </c>
      <c r="M17" s="1" t="s">
        <v>101</v>
      </c>
      <c r="O17" s="1" t="s">
        <v>34</v>
      </c>
      <c r="P17" s="1" t="s">
        <v>35</v>
      </c>
      <c r="Q17" s="1" t="s">
        <v>79</v>
      </c>
      <c r="R17" s="1" t="s">
        <v>69</v>
      </c>
      <c r="S17" s="1" t="s">
        <v>70</v>
      </c>
      <c r="T17" s="1" t="s">
        <v>38</v>
      </c>
      <c r="U17" s="1">
        <v>5.9</v>
      </c>
      <c r="V17" s="1">
        <v>330</v>
      </c>
      <c r="W17" s="1"/>
      <c r="X17" s="1">
        <v>0.39</v>
      </c>
      <c r="Y17" s="1">
        <v>4.0000000000000001E-3</v>
      </c>
      <c r="Z17" s="1">
        <v>4.0000000000000001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2E-3</v>
      </c>
      <c r="BC17" s="1">
        <v>0.27</v>
      </c>
      <c r="BD17" s="1">
        <v>0.32</v>
      </c>
      <c r="BE17" s="1"/>
      <c r="BF17" s="1"/>
      <c r="BG17" s="1"/>
      <c r="BH17" s="1"/>
      <c r="BI17" s="1"/>
      <c r="BJ17" s="1"/>
      <c r="BK17" s="1"/>
      <c r="BL17" s="1"/>
      <c r="BM17" s="1" t="s">
        <v>253</v>
      </c>
      <c r="BN17" s="1" t="s">
        <v>267</v>
      </c>
      <c r="BO17" s="1"/>
      <c r="BP17" s="1"/>
      <c r="BQ17" s="1"/>
      <c r="BR17" s="1"/>
      <c r="BS17" s="1"/>
      <c r="BT17" s="1" t="s">
        <v>44</v>
      </c>
      <c r="BU17" s="1"/>
      <c r="BV17" s="1"/>
      <c r="BW17" s="1"/>
      <c r="BX17" s="1"/>
      <c r="BY17" s="1"/>
      <c r="BZ17" s="1"/>
    </row>
    <row r="18" spans="1:78" x14ac:dyDescent="0.15">
      <c r="A18" s="1" t="s">
        <v>105</v>
      </c>
      <c r="B18" s="2">
        <v>0.39583333333333331</v>
      </c>
      <c r="C18" s="1" t="s">
        <v>250</v>
      </c>
      <c r="D18" s="1" t="s">
        <v>27</v>
      </c>
      <c r="F18" s="1" t="s">
        <v>106</v>
      </c>
      <c r="G18" s="1" t="s">
        <v>107</v>
      </c>
      <c r="J18" s="1" t="s">
        <v>30</v>
      </c>
      <c r="K18" s="1" t="s">
        <v>108</v>
      </c>
      <c r="L18" s="1" t="s">
        <v>32</v>
      </c>
      <c r="M18" s="1" t="s">
        <v>109</v>
      </c>
      <c r="O18" s="1" t="s">
        <v>34</v>
      </c>
      <c r="P18" s="1" t="s">
        <v>35</v>
      </c>
      <c r="Q18" s="1" t="s">
        <v>51</v>
      </c>
      <c r="R18" s="1" t="s">
        <v>110</v>
      </c>
      <c r="S18" s="1" t="s">
        <v>111</v>
      </c>
      <c r="T18" s="1" t="s">
        <v>39</v>
      </c>
      <c r="U18" s="1">
        <v>8.8000000000000007</v>
      </c>
      <c r="V18" s="1">
        <v>79</v>
      </c>
      <c r="W18" s="1"/>
      <c r="X18" s="1">
        <v>0.36</v>
      </c>
      <c r="Y18" s="1">
        <v>7.0000000000000001E-3</v>
      </c>
      <c r="Z18" s="1">
        <v>5.0000000000000001E-3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261</v>
      </c>
      <c r="BC18" s="1">
        <v>0.2</v>
      </c>
      <c r="BD18" s="1">
        <v>0.25</v>
      </c>
      <c r="BE18" s="1"/>
      <c r="BF18" s="1"/>
      <c r="BG18" s="1"/>
      <c r="BH18" s="1"/>
      <c r="BI18" s="1"/>
      <c r="BJ18" s="1"/>
      <c r="BK18" s="1"/>
      <c r="BL18" s="1"/>
      <c r="BM18" s="1" t="s">
        <v>253</v>
      </c>
      <c r="BN18" s="1" t="s">
        <v>267</v>
      </c>
      <c r="BO18" s="1"/>
      <c r="BP18" s="1"/>
      <c r="BQ18" s="1"/>
      <c r="BR18" s="1"/>
      <c r="BS18" s="1"/>
      <c r="BT18" s="1">
        <v>3</v>
      </c>
      <c r="BU18" s="1">
        <v>1.6E-2</v>
      </c>
      <c r="BV18" s="1">
        <v>1.4999999999999999E-2</v>
      </c>
      <c r="BW18" s="1">
        <v>1.1000000000000001E-3</v>
      </c>
      <c r="BX18" s="1" t="s">
        <v>268</v>
      </c>
      <c r="BY18" s="1" t="s">
        <v>268</v>
      </c>
      <c r="BZ18" s="1"/>
    </row>
    <row r="19" spans="1:78" x14ac:dyDescent="0.15">
      <c r="B19" s="2">
        <v>0.40625</v>
      </c>
      <c r="C19" s="1" t="s">
        <v>251</v>
      </c>
      <c r="D19" s="1" t="s">
        <v>27</v>
      </c>
      <c r="F19" s="1" t="s">
        <v>106</v>
      </c>
      <c r="G19" s="1" t="s">
        <v>103</v>
      </c>
      <c r="J19" s="1" t="s">
        <v>112</v>
      </c>
      <c r="K19" s="1" t="s">
        <v>108</v>
      </c>
      <c r="L19" s="1" t="s">
        <v>32</v>
      </c>
      <c r="M19" s="1" t="s">
        <v>109</v>
      </c>
      <c r="O19" s="1" t="s">
        <v>34</v>
      </c>
      <c r="P19" s="1" t="s">
        <v>35</v>
      </c>
      <c r="Q19" s="1" t="s">
        <v>42</v>
      </c>
      <c r="R19" s="1" t="s">
        <v>113</v>
      </c>
      <c r="S19" s="1" t="s">
        <v>43</v>
      </c>
      <c r="T19" s="1" t="s">
        <v>39</v>
      </c>
      <c r="U19" s="1">
        <v>6.4</v>
      </c>
      <c r="V19" s="1">
        <v>14</v>
      </c>
      <c r="W19" s="1"/>
      <c r="X19" s="1">
        <v>0.4</v>
      </c>
      <c r="Y19" s="1">
        <v>4.0000000000000001E-3</v>
      </c>
      <c r="Z19" s="1">
        <v>3.0000000000000001E-3</v>
      </c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261</v>
      </c>
      <c r="BC19" s="1">
        <v>0.28000000000000003</v>
      </c>
      <c r="BD19" s="1">
        <v>0.33</v>
      </c>
      <c r="BE19" s="1"/>
      <c r="BF19" s="1"/>
      <c r="BG19" s="1"/>
      <c r="BH19" s="1"/>
      <c r="BI19" s="1"/>
      <c r="BJ19" s="1"/>
      <c r="BK19" s="1"/>
      <c r="BL19" s="1"/>
      <c r="BM19" s="1" t="s">
        <v>253</v>
      </c>
      <c r="BN19" s="1" t="s">
        <v>267</v>
      </c>
      <c r="BO19" s="1"/>
      <c r="BP19" s="1"/>
      <c r="BQ19" s="1"/>
      <c r="BR19" s="1"/>
      <c r="BS19" s="1"/>
      <c r="BT19" s="1" t="s">
        <v>44</v>
      </c>
      <c r="BU19" s="1"/>
      <c r="BV19" s="1"/>
      <c r="BW19" s="1"/>
      <c r="BX19" s="1"/>
      <c r="BY19" s="1"/>
      <c r="BZ19" s="1"/>
    </row>
    <row r="20" spans="1:78" x14ac:dyDescent="0.15">
      <c r="A20" s="1" t="s">
        <v>114</v>
      </c>
      <c r="B20" s="2">
        <v>0.38541666666666669</v>
      </c>
      <c r="C20" s="1" t="s">
        <v>250</v>
      </c>
      <c r="D20" s="1" t="s">
        <v>27</v>
      </c>
      <c r="F20" s="1" t="s">
        <v>115</v>
      </c>
      <c r="G20" s="1" t="s">
        <v>116</v>
      </c>
      <c r="J20" s="1" t="s">
        <v>30</v>
      </c>
      <c r="K20" s="1" t="s">
        <v>117</v>
      </c>
      <c r="L20" s="1" t="s">
        <v>32</v>
      </c>
      <c r="M20" s="1" t="s">
        <v>118</v>
      </c>
      <c r="O20" s="1" t="s">
        <v>34</v>
      </c>
      <c r="P20" s="1" t="s">
        <v>35</v>
      </c>
      <c r="Q20" s="1" t="s">
        <v>66</v>
      </c>
      <c r="R20" s="1" t="s">
        <v>30</v>
      </c>
      <c r="S20" s="1" t="s">
        <v>119</v>
      </c>
      <c r="T20" s="1" t="s">
        <v>44</v>
      </c>
      <c r="U20" s="1">
        <v>9.1</v>
      </c>
      <c r="V20" s="1">
        <v>23</v>
      </c>
      <c r="W20" s="1"/>
      <c r="X20" s="1">
        <v>0.38</v>
      </c>
      <c r="Y20" s="1">
        <v>7.0000000000000001E-3</v>
      </c>
      <c r="Z20" s="1">
        <v>3.0000000000000001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261</v>
      </c>
      <c r="BC20" s="1">
        <v>0.2</v>
      </c>
      <c r="BD20" s="1">
        <v>0.25</v>
      </c>
      <c r="BE20" s="1"/>
      <c r="BF20" s="1"/>
      <c r="BG20" s="1"/>
      <c r="BH20" s="1"/>
      <c r="BI20" s="1"/>
      <c r="BJ20" s="1"/>
      <c r="BK20" s="1"/>
      <c r="BL20" s="1"/>
      <c r="BM20" s="1" t="s">
        <v>253</v>
      </c>
      <c r="BN20" s="1" t="s">
        <v>267</v>
      </c>
      <c r="BO20" s="1"/>
      <c r="BP20" s="1"/>
      <c r="BQ20" s="1"/>
      <c r="BR20" s="1"/>
      <c r="BS20" s="1"/>
      <c r="BT20" s="1">
        <v>6</v>
      </c>
      <c r="BU20" s="1"/>
      <c r="BV20" s="1"/>
      <c r="BW20" s="1"/>
      <c r="BX20" s="1"/>
      <c r="BY20" s="1"/>
      <c r="BZ20" s="1"/>
    </row>
    <row r="21" spans="1:78" x14ac:dyDescent="0.15">
      <c r="B21" s="2">
        <v>0.39583333333333331</v>
      </c>
      <c r="C21" s="1" t="s">
        <v>251</v>
      </c>
      <c r="D21" s="1" t="s">
        <v>27</v>
      </c>
      <c r="F21" s="1" t="s">
        <v>115</v>
      </c>
      <c r="G21" s="1" t="s">
        <v>103</v>
      </c>
      <c r="J21" s="1" t="s">
        <v>120</v>
      </c>
      <c r="K21" s="1" t="s">
        <v>117</v>
      </c>
      <c r="L21" s="1" t="s">
        <v>32</v>
      </c>
      <c r="M21" s="1" t="s">
        <v>118</v>
      </c>
      <c r="O21" s="1" t="s">
        <v>34</v>
      </c>
      <c r="P21" s="1" t="s">
        <v>35</v>
      </c>
      <c r="Q21" s="1" t="s">
        <v>79</v>
      </c>
      <c r="R21" s="1" t="s">
        <v>69</v>
      </c>
      <c r="S21" s="1" t="s">
        <v>70</v>
      </c>
      <c r="T21" s="1" t="s">
        <v>44</v>
      </c>
      <c r="U21" s="1">
        <v>6.6</v>
      </c>
      <c r="V21" s="1">
        <v>23</v>
      </c>
      <c r="W21" s="1"/>
      <c r="X21" s="1">
        <v>0.38</v>
      </c>
      <c r="Y21" s="1">
        <v>3.0000000000000001E-3</v>
      </c>
      <c r="Z21" s="1">
        <v>1E-3</v>
      </c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 t="s">
        <v>261</v>
      </c>
      <c r="BC21" s="1">
        <v>0.27</v>
      </c>
      <c r="BD21" s="1">
        <v>0.32</v>
      </c>
      <c r="BE21" s="1"/>
      <c r="BF21" s="1"/>
      <c r="BG21" s="1"/>
      <c r="BH21" s="1"/>
      <c r="BI21" s="1"/>
      <c r="BJ21" s="1"/>
      <c r="BK21" s="1"/>
      <c r="BL21" s="1"/>
      <c r="BM21" s="1" t="s">
        <v>253</v>
      </c>
      <c r="BN21" s="1" t="s">
        <v>267</v>
      </c>
      <c r="BO21" s="1"/>
      <c r="BP21" s="1"/>
      <c r="BQ21" s="1"/>
      <c r="BR21" s="1"/>
      <c r="BS21" s="1"/>
      <c r="BT21" s="1" t="s">
        <v>44</v>
      </c>
      <c r="BU21" s="1"/>
      <c r="BV21" s="1"/>
      <c r="BW21" s="1"/>
      <c r="BX21" s="1"/>
      <c r="BY21" s="1"/>
      <c r="BZ21" s="1"/>
    </row>
    <row r="22" spans="1:78" x14ac:dyDescent="0.15">
      <c r="A22" s="1" t="s">
        <v>121</v>
      </c>
      <c r="B22" s="2">
        <v>0.39930555555555558</v>
      </c>
      <c r="C22" s="1" t="s">
        <v>250</v>
      </c>
      <c r="D22" s="1" t="s">
        <v>46</v>
      </c>
      <c r="F22" s="1" t="s">
        <v>76</v>
      </c>
      <c r="G22" s="1" t="s">
        <v>122</v>
      </c>
      <c r="J22" s="1" t="s">
        <v>30</v>
      </c>
      <c r="K22" s="1" t="s">
        <v>83</v>
      </c>
      <c r="L22" s="1" t="s">
        <v>32</v>
      </c>
      <c r="M22" s="1" t="s">
        <v>123</v>
      </c>
      <c r="O22" s="1" t="s">
        <v>34</v>
      </c>
      <c r="P22" s="1" t="s">
        <v>35</v>
      </c>
      <c r="Q22" s="1" t="s">
        <v>42</v>
      </c>
      <c r="R22" s="1" t="s">
        <v>110</v>
      </c>
      <c r="S22" s="1" t="s">
        <v>119</v>
      </c>
      <c r="T22" s="1" t="s">
        <v>39</v>
      </c>
      <c r="U22" s="1">
        <v>9.4</v>
      </c>
      <c r="V22" s="1">
        <v>34</v>
      </c>
      <c r="W22" s="1"/>
      <c r="X22" s="1">
        <v>0.33</v>
      </c>
      <c r="Y22" s="1">
        <v>1.2999999999999999E-2</v>
      </c>
      <c r="Z22" s="1">
        <v>2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261</v>
      </c>
      <c r="BC22" s="1">
        <v>0.28000000000000003</v>
      </c>
      <c r="BD22" s="1">
        <v>0.33</v>
      </c>
      <c r="BE22" s="1"/>
      <c r="BF22" s="1"/>
      <c r="BG22" s="1"/>
      <c r="BH22" s="1"/>
      <c r="BI22" s="1"/>
      <c r="BJ22" s="1"/>
      <c r="BK22" s="1"/>
      <c r="BL22" s="1"/>
      <c r="BM22" s="1" t="s">
        <v>253</v>
      </c>
      <c r="BN22" s="1" t="s">
        <v>267</v>
      </c>
      <c r="BO22" s="1"/>
      <c r="BP22" s="1"/>
      <c r="BQ22" s="1"/>
      <c r="BR22" s="1"/>
      <c r="BS22" s="1"/>
      <c r="BT22" s="1">
        <v>3</v>
      </c>
      <c r="BU22" s="1"/>
      <c r="BV22" s="1"/>
      <c r="BW22" s="1"/>
      <c r="BX22" s="1"/>
      <c r="BY22" s="1"/>
      <c r="BZ22" s="1"/>
    </row>
    <row r="23" spans="1:78" x14ac:dyDescent="0.15">
      <c r="B23" s="2">
        <v>0.4201388888888889</v>
      </c>
      <c r="C23" s="1" t="s">
        <v>251</v>
      </c>
      <c r="D23" s="1" t="s">
        <v>46</v>
      </c>
      <c r="F23" s="1" t="s">
        <v>76</v>
      </c>
      <c r="G23" s="1" t="s">
        <v>124</v>
      </c>
      <c r="J23" s="1" t="s">
        <v>87</v>
      </c>
      <c r="K23" s="1" t="s">
        <v>83</v>
      </c>
      <c r="L23" s="1" t="s">
        <v>32</v>
      </c>
      <c r="M23" s="1" t="s">
        <v>123</v>
      </c>
      <c r="O23" s="1" t="s">
        <v>34</v>
      </c>
      <c r="P23" s="1" t="s">
        <v>35</v>
      </c>
      <c r="Q23" s="1" t="s">
        <v>125</v>
      </c>
      <c r="R23" s="1" t="s">
        <v>57</v>
      </c>
      <c r="S23" s="1" t="s">
        <v>52</v>
      </c>
      <c r="T23" s="1" t="s">
        <v>39</v>
      </c>
      <c r="U23" s="1">
        <v>6</v>
      </c>
      <c r="V23" s="1">
        <v>17</v>
      </c>
      <c r="W23" s="1"/>
      <c r="X23" s="1">
        <v>0.34</v>
      </c>
      <c r="Y23" s="1">
        <v>8.9999999999999993E-3</v>
      </c>
      <c r="Z23" s="1">
        <v>2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261</v>
      </c>
      <c r="BC23" s="1">
        <v>0.28000000000000003</v>
      </c>
      <c r="BD23" s="1">
        <v>0.33</v>
      </c>
      <c r="BE23" s="1"/>
      <c r="BF23" s="1"/>
      <c r="BG23" s="1"/>
      <c r="BH23" s="1"/>
      <c r="BI23" s="1"/>
      <c r="BJ23" s="1"/>
      <c r="BK23" s="1"/>
      <c r="BL23" s="1"/>
      <c r="BM23" s="1" t="s">
        <v>253</v>
      </c>
      <c r="BN23" s="1" t="s">
        <v>267</v>
      </c>
      <c r="BO23" s="1"/>
      <c r="BP23" s="1"/>
      <c r="BQ23" s="1"/>
      <c r="BR23" s="1"/>
      <c r="BS23" s="1"/>
      <c r="BT23" s="1" t="s">
        <v>44</v>
      </c>
      <c r="BU23" s="1"/>
      <c r="BV23" s="1"/>
      <c r="BW23" s="1"/>
      <c r="BX23" s="1"/>
      <c r="BY23" s="1"/>
      <c r="BZ23" s="1"/>
    </row>
    <row r="24" spans="1:78" x14ac:dyDescent="0.15">
      <c r="A24" s="1" t="s">
        <v>126</v>
      </c>
      <c r="B24" s="2">
        <v>0.43402777777777773</v>
      </c>
      <c r="C24" s="1" t="s">
        <v>250</v>
      </c>
      <c r="D24" s="1" t="s">
        <v>27</v>
      </c>
      <c r="F24" s="1" t="s">
        <v>101</v>
      </c>
      <c r="G24" s="1" t="s">
        <v>127</v>
      </c>
      <c r="J24" s="1" t="s">
        <v>30</v>
      </c>
      <c r="K24" s="1" t="s">
        <v>83</v>
      </c>
      <c r="L24" s="1" t="s">
        <v>32</v>
      </c>
      <c r="M24" s="1" t="s">
        <v>118</v>
      </c>
      <c r="O24" s="1" t="s">
        <v>34</v>
      </c>
      <c r="P24" s="1" t="s">
        <v>35</v>
      </c>
      <c r="Q24" s="1" t="s">
        <v>42</v>
      </c>
      <c r="R24" s="1" t="s">
        <v>30</v>
      </c>
      <c r="S24" s="1" t="s">
        <v>94</v>
      </c>
      <c r="T24" s="1" t="s">
        <v>39</v>
      </c>
      <c r="U24" s="1">
        <v>9.6999999999999993</v>
      </c>
      <c r="V24" s="1">
        <v>49</v>
      </c>
      <c r="W24" s="1"/>
      <c r="X24" s="1">
        <v>0.34</v>
      </c>
      <c r="Y24" s="1">
        <v>4.0000000000000001E-3</v>
      </c>
      <c r="Z24" s="1">
        <v>1E-3</v>
      </c>
      <c r="AA24" s="1" t="s">
        <v>276</v>
      </c>
      <c r="AB24" s="1" t="s">
        <v>262</v>
      </c>
      <c r="AC24" s="1"/>
      <c r="AD24" s="1"/>
      <c r="AE24" s="1" t="s">
        <v>254</v>
      </c>
      <c r="AF24" s="1"/>
      <c r="AG24" s="1" t="s">
        <v>254</v>
      </c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>
        <v>7.0000000000000007E-2</v>
      </c>
      <c r="BA24" s="1" t="s">
        <v>263</v>
      </c>
      <c r="BB24" s="1" t="s">
        <v>261</v>
      </c>
      <c r="BC24" s="1">
        <v>0.2</v>
      </c>
      <c r="BD24" s="1">
        <v>0.25</v>
      </c>
      <c r="BE24" s="1" t="s">
        <v>255</v>
      </c>
      <c r="BF24" s="1"/>
      <c r="BG24" s="1"/>
      <c r="BH24" s="1"/>
      <c r="BI24" s="1"/>
      <c r="BJ24" s="1"/>
      <c r="BK24" s="1"/>
      <c r="BL24" s="1"/>
      <c r="BM24" s="1" t="s">
        <v>253</v>
      </c>
      <c r="BN24" s="1" t="s">
        <v>267</v>
      </c>
      <c r="BO24" s="1"/>
      <c r="BP24" s="1"/>
      <c r="BQ24" s="1"/>
      <c r="BR24" s="1"/>
      <c r="BS24" s="1"/>
      <c r="BT24" s="1">
        <v>2</v>
      </c>
      <c r="BU24" s="1">
        <v>1.7999999999999999E-2</v>
      </c>
      <c r="BV24" s="1">
        <v>1.6E-2</v>
      </c>
      <c r="BW24" s="1">
        <v>2.0999999999999999E-3</v>
      </c>
      <c r="BX24" s="1">
        <v>4.0000000000000002E-4</v>
      </c>
      <c r="BY24" s="1" t="s">
        <v>268</v>
      </c>
      <c r="BZ24" s="1"/>
    </row>
    <row r="25" spans="1:78" x14ac:dyDescent="0.15">
      <c r="B25" s="2">
        <v>0.46180555555555558</v>
      </c>
      <c r="C25" s="1" t="s">
        <v>251</v>
      </c>
      <c r="D25" s="1" t="s">
        <v>27</v>
      </c>
      <c r="F25" s="1" t="s">
        <v>101</v>
      </c>
      <c r="G25" s="1" t="s">
        <v>79</v>
      </c>
      <c r="J25" s="1" t="s">
        <v>87</v>
      </c>
      <c r="K25" s="1" t="s">
        <v>83</v>
      </c>
      <c r="L25" s="1" t="s">
        <v>32</v>
      </c>
      <c r="M25" s="1" t="s">
        <v>118</v>
      </c>
      <c r="O25" s="1" t="s">
        <v>34</v>
      </c>
      <c r="P25" s="1" t="s">
        <v>35</v>
      </c>
      <c r="Q25" s="1" t="s">
        <v>79</v>
      </c>
      <c r="R25" s="1" t="s">
        <v>57</v>
      </c>
      <c r="S25" s="1" t="s">
        <v>128</v>
      </c>
      <c r="T25" s="1" t="s">
        <v>39</v>
      </c>
      <c r="U25" s="1">
        <v>6.6</v>
      </c>
      <c r="V25" s="1">
        <v>23</v>
      </c>
      <c r="W25" s="1"/>
      <c r="X25" s="1">
        <v>0.3</v>
      </c>
      <c r="Y25" s="1">
        <v>3.0000000000000001E-3</v>
      </c>
      <c r="Z25" s="1">
        <v>1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261</v>
      </c>
      <c r="BC25" s="1">
        <v>0.26</v>
      </c>
      <c r="BD25" s="1">
        <v>0.31</v>
      </c>
      <c r="BE25" s="1"/>
      <c r="BF25" s="1"/>
      <c r="BG25" s="1"/>
      <c r="BH25" s="1"/>
      <c r="BI25" s="1"/>
      <c r="BJ25" s="1"/>
      <c r="BK25" s="1"/>
      <c r="BL25" s="1"/>
      <c r="BM25" s="1" t="s">
        <v>253</v>
      </c>
      <c r="BN25" s="1" t="s">
        <v>267</v>
      </c>
      <c r="BO25" s="1"/>
      <c r="BP25" s="1"/>
      <c r="BQ25" s="1"/>
      <c r="BR25" s="1"/>
      <c r="BS25" s="1"/>
      <c r="BT25" s="1">
        <v>1</v>
      </c>
      <c r="BU25" s="1"/>
      <c r="BV25" s="1"/>
      <c r="BW25" s="1"/>
      <c r="BX25" s="1"/>
      <c r="BY25" s="1"/>
      <c r="BZ25" s="1"/>
    </row>
    <row r="26" spans="1:78" x14ac:dyDescent="0.15">
      <c r="A26" s="1" t="s">
        <v>129</v>
      </c>
      <c r="B26" s="2">
        <v>0.39583333333333331</v>
      </c>
      <c r="C26" s="1" t="s">
        <v>250</v>
      </c>
      <c r="D26" s="1" t="s">
        <v>27</v>
      </c>
      <c r="F26" s="1" t="s">
        <v>130</v>
      </c>
      <c r="G26" s="1" t="s">
        <v>131</v>
      </c>
      <c r="J26" s="1" t="s">
        <v>30</v>
      </c>
      <c r="K26" s="1" t="s">
        <v>132</v>
      </c>
      <c r="L26" s="1" t="s">
        <v>32</v>
      </c>
      <c r="M26" s="1" t="s">
        <v>133</v>
      </c>
      <c r="O26" s="1" t="s">
        <v>34</v>
      </c>
      <c r="P26" s="1" t="s">
        <v>35</v>
      </c>
      <c r="Q26" s="1" t="s">
        <v>51</v>
      </c>
      <c r="R26" s="1" t="s">
        <v>43</v>
      </c>
      <c r="S26" s="1" t="s">
        <v>94</v>
      </c>
      <c r="T26" s="1" t="s">
        <v>39</v>
      </c>
      <c r="U26" s="1">
        <v>10</v>
      </c>
      <c r="V26" s="1">
        <v>49</v>
      </c>
      <c r="W26" s="1"/>
      <c r="X26" s="1">
        <v>0.3</v>
      </c>
      <c r="Y26" s="1">
        <v>6.0000000000000001E-3</v>
      </c>
      <c r="Z26" s="1">
        <v>1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261</v>
      </c>
      <c r="BC26" s="1">
        <v>0.19</v>
      </c>
      <c r="BD26" s="1">
        <v>0.24</v>
      </c>
      <c r="BE26" s="1"/>
      <c r="BF26" s="1"/>
      <c r="BG26" s="1"/>
      <c r="BH26" s="1"/>
      <c r="BI26" s="1"/>
      <c r="BJ26" s="1"/>
      <c r="BK26" s="1"/>
      <c r="BL26" s="1"/>
      <c r="BM26" s="1" t="s">
        <v>253</v>
      </c>
      <c r="BN26" s="1" t="s">
        <v>267</v>
      </c>
      <c r="BO26" s="1"/>
      <c r="BP26" s="1"/>
      <c r="BQ26" s="1"/>
      <c r="BR26" s="1"/>
      <c r="BS26" s="1"/>
      <c r="BT26" s="1">
        <v>5</v>
      </c>
      <c r="BU26" s="1"/>
      <c r="BV26" s="1"/>
      <c r="BW26" s="1"/>
      <c r="BX26" s="1"/>
      <c r="BY26" s="1"/>
      <c r="BZ26" s="1"/>
    </row>
    <row r="27" spans="1:78" x14ac:dyDescent="0.15">
      <c r="B27" s="2">
        <v>0.40625</v>
      </c>
      <c r="C27" s="1" t="s">
        <v>251</v>
      </c>
      <c r="D27" s="1" t="s">
        <v>27</v>
      </c>
      <c r="F27" s="1" t="s">
        <v>130</v>
      </c>
      <c r="G27" s="1" t="s">
        <v>66</v>
      </c>
      <c r="J27" s="1" t="s">
        <v>134</v>
      </c>
      <c r="K27" s="1" t="s">
        <v>132</v>
      </c>
      <c r="L27" s="1" t="s">
        <v>32</v>
      </c>
      <c r="M27" s="1" t="s">
        <v>133</v>
      </c>
      <c r="O27" s="1" t="s">
        <v>34</v>
      </c>
      <c r="P27" s="1" t="s">
        <v>35</v>
      </c>
      <c r="Q27" s="1" t="s">
        <v>42</v>
      </c>
      <c r="R27" s="1" t="s">
        <v>57</v>
      </c>
      <c r="S27" s="1" t="s">
        <v>43</v>
      </c>
      <c r="T27" s="1" t="s">
        <v>38</v>
      </c>
      <c r="U27" s="1">
        <v>7.4</v>
      </c>
      <c r="V27" s="1">
        <v>27</v>
      </c>
      <c r="W27" s="1"/>
      <c r="X27" s="1">
        <v>0.3</v>
      </c>
      <c r="Y27" s="1">
        <v>4.0000000000000001E-3</v>
      </c>
      <c r="Z27" s="1">
        <v>1E-3</v>
      </c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 t="s">
        <v>261</v>
      </c>
      <c r="BC27" s="1">
        <v>0.22</v>
      </c>
      <c r="BD27" s="1">
        <v>0.27</v>
      </c>
      <c r="BF27" s="1"/>
      <c r="BG27" s="1"/>
      <c r="BH27" s="1"/>
      <c r="BI27" s="1"/>
      <c r="BJ27" s="1"/>
      <c r="BK27" s="1"/>
      <c r="BL27" s="1"/>
      <c r="BM27" s="1" t="s">
        <v>253</v>
      </c>
      <c r="BN27" s="1" t="s">
        <v>267</v>
      </c>
      <c r="BO27" s="1"/>
      <c r="BP27" s="1"/>
      <c r="BQ27" s="1"/>
      <c r="BR27" s="1"/>
      <c r="BS27" s="1"/>
      <c r="BT27" s="1" t="s">
        <v>44</v>
      </c>
      <c r="BU27" s="1"/>
      <c r="BV27" s="1"/>
      <c r="BW27" s="1"/>
      <c r="BX27" s="1"/>
      <c r="BY27" s="1"/>
      <c r="BZ2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3" spans="21:21" x14ac:dyDescent="0.15">
      <c r="U73" s="1"/>
    </row>
    <row r="74" spans="21:21" x14ac:dyDescent="0.15">
      <c r="U74" s="1"/>
    </row>
    <row r="75" spans="21:21" x14ac:dyDescent="0.15">
      <c r="U75" s="1"/>
    </row>
    <row r="76" spans="21:21" x14ac:dyDescent="0.15">
      <c r="U76" s="1"/>
    </row>
    <row r="77" spans="21:21" x14ac:dyDescent="0.15">
      <c r="U77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0" spans="21:21" x14ac:dyDescent="0.15">
      <c r="U90" s="1"/>
    </row>
    <row r="91" spans="21:21" x14ac:dyDescent="0.15">
      <c r="U91" s="1"/>
    </row>
    <row r="92" spans="21:21" x14ac:dyDescent="0.15">
      <c r="U92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3" spans="21:21" x14ac:dyDescent="0.15">
      <c r="U113" s="1"/>
    </row>
    <row r="114" spans="21:21" x14ac:dyDescent="0.15">
      <c r="U114" s="1"/>
    </row>
    <row r="115" spans="21:21" x14ac:dyDescent="0.15">
      <c r="U115" s="1"/>
    </row>
    <row r="116" spans="21:21" x14ac:dyDescent="0.15">
      <c r="U116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BZ14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236</v>
      </c>
      <c r="C1" s="1" t="s">
        <v>1</v>
      </c>
      <c r="D1" s="1" t="s">
        <v>257</v>
      </c>
      <c r="E1" s="1" t="s">
        <v>2</v>
      </c>
      <c r="F1" s="1" t="s">
        <v>238</v>
      </c>
      <c r="G1" s="1" t="s">
        <v>3</v>
      </c>
      <c r="H1" s="1" t="s">
        <v>23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240</v>
      </c>
      <c r="V2" s="1" t="s">
        <v>189</v>
      </c>
      <c r="W2" s="1" t="s">
        <v>241</v>
      </c>
      <c r="X2" s="1" t="s">
        <v>190</v>
      </c>
      <c r="Y2" s="1" t="s">
        <v>191</v>
      </c>
      <c r="Z2" s="1" t="s">
        <v>192</v>
      </c>
      <c r="AA2" s="1" t="s">
        <v>272</v>
      </c>
      <c r="AB2" s="1" t="s">
        <v>275</v>
      </c>
      <c r="AC2" s="1" t="s">
        <v>193</v>
      </c>
      <c r="AD2" s="1" t="s">
        <v>194</v>
      </c>
      <c r="AE2" s="1" t="s">
        <v>242</v>
      </c>
      <c r="AF2" s="1" t="s">
        <v>195</v>
      </c>
      <c r="AG2" s="1" t="s">
        <v>196</v>
      </c>
      <c r="AH2" s="1" t="s">
        <v>197</v>
      </c>
      <c r="AI2" s="1" t="s">
        <v>198</v>
      </c>
      <c r="AJ2" s="1" t="s">
        <v>199</v>
      </c>
      <c r="AK2" s="1" t="s">
        <v>200</v>
      </c>
      <c r="AL2" s="1" t="s">
        <v>201</v>
      </c>
      <c r="AM2" s="1" t="s">
        <v>202</v>
      </c>
      <c r="AN2" s="1" t="s">
        <v>203</v>
      </c>
      <c r="AO2" s="1" t="s">
        <v>204</v>
      </c>
      <c r="AP2" t="s">
        <v>269</v>
      </c>
      <c r="AQ2" s="1" t="s">
        <v>205</v>
      </c>
      <c r="AR2" s="1" t="s">
        <v>206</v>
      </c>
      <c r="AS2" s="1" t="s">
        <v>207</v>
      </c>
      <c r="AT2" s="1" t="s">
        <v>258</v>
      </c>
      <c r="AU2" s="1" t="s">
        <v>208</v>
      </c>
      <c r="AV2" s="1" t="s">
        <v>209</v>
      </c>
      <c r="AW2" s="1" t="s">
        <v>210</v>
      </c>
      <c r="AX2" s="1" t="s">
        <v>211</v>
      </c>
      <c r="AY2" s="1" t="s">
        <v>212</v>
      </c>
      <c r="AZ2" s="1" t="s">
        <v>213</v>
      </c>
      <c r="BA2" s="1" t="s">
        <v>214</v>
      </c>
      <c r="BB2" s="1" t="s">
        <v>215</v>
      </c>
      <c r="BC2" s="1" t="s">
        <v>216</v>
      </c>
      <c r="BD2" s="1" t="s">
        <v>217</v>
      </c>
      <c r="BE2" s="1" t="s">
        <v>273</v>
      </c>
      <c r="BF2" s="1" t="s">
        <v>218</v>
      </c>
      <c r="BG2" s="1" t="s">
        <v>259</v>
      </c>
      <c r="BH2" s="1" t="s">
        <v>260</v>
      </c>
      <c r="BI2" s="1" t="s">
        <v>219</v>
      </c>
      <c r="BJ2" s="1" t="s">
        <v>220</v>
      </c>
      <c r="BK2" s="1" t="s">
        <v>221</v>
      </c>
      <c r="BL2" s="1" t="s">
        <v>222</v>
      </c>
      <c r="BM2" s="1" t="s">
        <v>223</v>
      </c>
      <c r="BN2" s="1" t="s">
        <v>224</v>
      </c>
      <c r="BO2" s="1" t="s">
        <v>225</v>
      </c>
      <c r="BP2" s="1" t="s">
        <v>226</v>
      </c>
      <c r="BQ2" s="1" t="s">
        <v>227</v>
      </c>
      <c r="BR2" s="1" t="s">
        <v>228</v>
      </c>
      <c r="BS2" s="1" t="s">
        <v>229</v>
      </c>
      <c r="BT2" s="1" t="s">
        <v>230</v>
      </c>
      <c r="BU2" s="1" t="s">
        <v>231</v>
      </c>
      <c r="BV2" s="1" t="s">
        <v>232</v>
      </c>
      <c r="BW2" s="1" t="s">
        <v>233</v>
      </c>
      <c r="BX2" s="1" t="s">
        <v>234</v>
      </c>
      <c r="BY2" s="1" t="s">
        <v>235</v>
      </c>
      <c r="BZ2" s="1" t="s">
        <v>264</v>
      </c>
    </row>
    <row r="3" spans="1:78" x14ac:dyDescent="0.15">
      <c r="A3" s="1" t="s">
        <v>243</v>
      </c>
      <c r="B3" s="1" t="s">
        <v>244</v>
      </c>
      <c r="C3" s="1"/>
      <c r="D3" s="1"/>
      <c r="E3" s="1"/>
      <c r="F3" s="1" t="s">
        <v>245</v>
      </c>
      <c r="G3" s="1" t="s">
        <v>245</v>
      </c>
      <c r="H3" s="1" t="s">
        <v>246</v>
      </c>
      <c r="I3" s="1" t="s">
        <v>24</v>
      </c>
      <c r="J3" s="1" t="s">
        <v>247</v>
      </c>
      <c r="K3" s="1" t="s">
        <v>247</v>
      </c>
      <c r="L3" s="1" t="s">
        <v>248</v>
      </c>
      <c r="M3" s="1" t="s">
        <v>247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24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265</v>
      </c>
      <c r="BP3" s="1" t="s">
        <v>25</v>
      </c>
      <c r="BQ3" s="1" t="s">
        <v>266</v>
      </c>
      <c r="BR3" s="1" t="s">
        <v>25</v>
      </c>
      <c r="BS3" s="1" t="s">
        <v>25</v>
      </c>
      <c r="BT3" s="1" t="s">
        <v>27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513888888888889</v>
      </c>
      <c r="C4" s="1" t="s">
        <v>250</v>
      </c>
      <c r="D4" s="1" t="s">
        <v>27</v>
      </c>
      <c r="F4" s="1" t="s">
        <v>135</v>
      </c>
      <c r="G4" s="1" t="s">
        <v>136</v>
      </c>
      <c r="J4" s="1" t="s">
        <v>30</v>
      </c>
      <c r="K4" s="1" t="s">
        <v>137</v>
      </c>
      <c r="L4" s="1" t="s">
        <v>32</v>
      </c>
      <c r="M4" s="1" t="s">
        <v>138</v>
      </c>
      <c r="O4" s="1" t="s">
        <v>34</v>
      </c>
      <c r="P4" s="1" t="s">
        <v>35</v>
      </c>
      <c r="Q4" s="1" t="s">
        <v>51</v>
      </c>
      <c r="R4" s="1" t="s">
        <v>139</v>
      </c>
      <c r="S4" s="1" t="s">
        <v>128</v>
      </c>
      <c r="T4" s="1" t="s">
        <v>39</v>
      </c>
      <c r="U4" s="1">
        <v>10</v>
      </c>
      <c r="V4" s="1">
        <v>79</v>
      </c>
      <c r="W4" s="1"/>
      <c r="X4" s="1">
        <v>0.5</v>
      </c>
      <c r="Y4" s="1">
        <v>0.01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2E-3</v>
      </c>
      <c r="BC4" s="1">
        <v>0.21</v>
      </c>
      <c r="BD4" s="1">
        <v>0.26</v>
      </c>
      <c r="BE4" s="1"/>
      <c r="BF4" s="1"/>
      <c r="BG4" s="1"/>
      <c r="BH4" s="1"/>
      <c r="BI4" s="1"/>
      <c r="BJ4" s="1"/>
      <c r="BK4" s="1"/>
      <c r="BL4" s="1"/>
      <c r="BM4" s="1" t="s">
        <v>253</v>
      </c>
      <c r="BN4" s="1">
        <v>5.0000000000000001E-3</v>
      </c>
      <c r="BO4" s="1"/>
      <c r="BP4" s="1"/>
      <c r="BQ4" s="1"/>
      <c r="BR4" s="1"/>
      <c r="BS4" s="1"/>
      <c r="BT4" s="1">
        <v>4</v>
      </c>
      <c r="BU4" s="1"/>
      <c r="BV4" s="1"/>
      <c r="BW4" s="1"/>
      <c r="BX4" s="1"/>
      <c r="BY4" s="1"/>
      <c r="BZ4" s="1"/>
    </row>
    <row r="5" spans="1:78" x14ac:dyDescent="0.15">
      <c r="B5" s="2">
        <v>0.46875</v>
      </c>
      <c r="C5" s="1" t="s">
        <v>251</v>
      </c>
      <c r="D5" s="1" t="s">
        <v>27</v>
      </c>
      <c r="F5" s="1" t="s">
        <v>135</v>
      </c>
      <c r="G5" s="1" t="s">
        <v>140</v>
      </c>
      <c r="J5" s="1" t="s">
        <v>141</v>
      </c>
      <c r="K5" s="1" t="s">
        <v>137</v>
      </c>
      <c r="L5" s="1" t="s">
        <v>32</v>
      </c>
      <c r="M5" s="1" t="s">
        <v>138</v>
      </c>
      <c r="O5" s="1" t="s">
        <v>34</v>
      </c>
      <c r="P5" s="1" t="s">
        <v>35</v>
      </c>
      <c r="Q5" s="1" t="s">
        <v>68</v>
      </c>
      <c r="R5" s="1" t="s">
        <v>69</v>
      </c>
      <c r="S5" s="1" t="s">
        <v>43</v>
      </c>
      <c r="T5" s="1" t="s">
        <v>44</v>
      </c>
      <c r="U5" s="1">
        <v>8.9</v>
      </c>
      <c r="V5" s="1">
        <v>4</v>
      </c>
      <c r="W5" s="1"/>
      <c r="X5" s="1">
        <v>0.39</v>
      </c>
      <c r="Y5" s="1">
        <v>3.0000000000000001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5.0000000000000001E-3</v>
      </c>
      <c r="BC5" s="1">
        <v>0.27</v>
      </c>
      <c r="BD5" s="1">
        <v>0.32</v>
      </c>
      <c r="BE5" s="1"/>
      <c r="BF5" s="1"/>
      <c r="BG5" s="1"/>
      <c r="BH5" s="1"/>
      <c r="BI5" s="1"/>
      <c r="BJ5" s="1"/>
      <c r="BK5" s="1"/>
      <c r="BL5" s="1"/>
      <c r="BM5" s="1" t="s">
        <v>253</v>
      </c>
      <c r="BN5" s="1" t="s">
        <v>267</v>
      </c>
      <c r="BO5" s="1"/>
      <c r="BP5" s="1"/>
      <c r="BQ5" s="1"/>
      <c r="BR5" s="1"/>
      <c r="BS5" s="1"/>
      <c r="BT5" s="1" t="s">
        <v>44</v>
      </c>
      <c r="BU5" s="1"/>
      <c r="BV5" s="1"/>
      <c r="BW5" s="1"/>
      <c r="BX5" s="1"/>
      <c r="BY5" s="1"/>
      <c r="BZ5" s="1"/>
    </row>
    <row r="6" spans="1:78" x14ac:dyDescent="0.15">
      <c r="A6" s="1" t="s">
        <v>45</v>
      </c>
      <c r="B6" s="2">
        <v>0.4513888888888889</v>
      </c>
      <c r="C6" s="1" t="s">
        <v>250</v>
      </c>
      <c r="D6" s="1" t="s">
        <v>46</v>
      </c>
      <c r="F6" s="1" t="s">
        <v>90</v>
      </c>
      <c r="G6" s="1" t="s">
        <v>115</v>
      </c>
      <c r="J6" s="1" t="s">
        <v>30</v>
      </c>
      <c r="K6" s="1" t="s">
        <v>142</v>
      </c>
      <c r="L6" s="1" t="s">
        <v>32</v>
      </c>
      <c r="M6" s="1" t="s">
        <v>143</v>
      </c>
      <c r="O6" s="1" t="s">
        <v>34</v>
      </c>
      <c r="P6" s="1" t="s">
        <v>35</v>
      </c>
      <c r="Q6" s="1" t="s">
        <v>51</v>
      </c>
      <c r="R6" s="1" t="s">
        <v>52</v>
      </c>
      <c r="S6" s="1" t="s">
        <v>38</v>
      </c>
      <c r="T6" s="1" t="s">
        <v>39</v>
      </c>
      <c r="U6" s="1">
        <v>9.8000000000000007</v>
      </c>
      <c r="V6" s="1">
        <v>790</v>
      </c>
      <c r="W6" s="1"/>
      <c r="X6" s="1">
        <v>0.34</v>
      </c>
      <c r="Y6" s="1">
        <v>0.01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3.0000000000000001E-3</v>
      </c>
      <c r="BC6" s="1">
        <v>0.14000000000000001</v>
      </c>
      <c r="BD6" s="1">
        <v>0.19</v>
      </c>
      <c r="BE6" s="1"/>
      <c r="BF6" s="1"/>
      <c r="BG6" s="1"/>
      <c r="BH6" s="1"/>
      <c r="BI6" s="1"/>
      <c r="BJ6" s="1"/>
      <c r="BK6" s="1"/>
      <c r="BL6" s="1"/>
      <c r="BM6" s="1">
        <v>0.02</v>
      </c>
      <c r="BN6" s="1" t="s">
        <v>267</v>
      </c>
      <c r="BO6" s="1"/>
      <c r="BP6" s="1"/>
      <c r="BQ6" s="1"/>
      <c r="BR6" s="1"/>
      <c r="BS6" s="1"/>
      <c r="BT6" s="1">
        <v>4</v>
      </c>
      <c r="BU6" s="1">
        <v>1.4E-2</v>
      </c>
      <c r="BV6" s="1">
        <v>1.2999999999999999E-2</v>
      </c>
      <c r="BW6" s="1">
        <v>1.2999999999999999E-3</v>
      </c>
      <c r="BX6" s="1">
        <v>2.0000000000000001E-4</v>
      </c>
      <c r="BY6" s="1" t="s">
        <v>268</v>
      </c>
      <c r="BZ6" s="1"/>
    </row>
    <row r="7" spans="1:78" x14ac:dyDescent="0.15">
      <c r="B7" s="2">
        <v>0.45833333333333331</v>
      </c>
      <c r="C7" s="1" t="s">
        <v>251</v>
      </c>
      <c r="D7" s="1" t="s">
        <v>46</v>
      </c>
      <c r="F7" s="1" t="s">
        <v>90</v>
      </c>
      <c r="G7" s="1" t="s">
        <v>40</v>
      </c>
      <c r="J7" s="1" t="s">
        <v>144</v>
      </c>
      <c r="K7" s="1" t="s">
        <v>142</v>
      </c>
      <c r="L7" s="1" t="s">
        <v>32</v>
      </c>
      <c r="M7" s="1" t="s">
        <v>143</v>
      </c>
      <c r="O7" s="1" t="s">
        <v>34</v>
      </c>
      <c r="P7" s="1" t="s">
        <v>35</v>
      </c>
      <c r="Q7" s="1" t="s">
        <v>42</v>
      </c>
      <c r="R7" s="1" t="s">
        <v>93</v>
      </c>
      <c r="S7" s="1" t="s">
        <v>43</v>
      </c>
      <c r="T7" s="1" t="s">
        <v>44</v>
      </c>
      <c r="U7" s="1">
        <v>8.6</v>
      </c>
      <c r="V7" s="1">
        <v>79</v>
      </c>
      <c r="W7" s="1"/>
      <c r="X7" s="1">
        <v>0.38</v>
      </c>
      <c r="Y7" s="1">
        <v>3.0000000000000001E-3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261</v>
      </c>
      <c r="BC7" s="1">
        <v>0.26</v>
      </c>
      <c r="BD7" s="1">
        <v>0.31</v>
      </c>
      <c r="BE7" s="1"/>
      <c r="BF7" s="1"/>
      <c r="BG7" s="1"/>
      <c r="BH7" s="1"/>
      <c r="BI7" s="1"/>
      <c r="BJ7" s="1"/>
      <c r="BK7" s="1"/>
      <c r="BL7" s="1"/>
      <c r="BM7" s="1">
        <v>0.01</v>
      </c>
      <c r="BN7" s="1" t="s">
        <v>267</v>
      </c>
      <c r="BO7" s="1"/>
      <c r="BP7" s="1"/>
      <c r="BQ7" s="1"/>
      <c r="BR7" s="1"/>
      <c r="BS7" s="1"/>
      <c r="BT7" s="1" t="s">
        <v>44</v>
      </c>
      <c r="BU7" s="1"/>
      <c r="BV7" s="1"/>
      <c r="BW7" s="1"/>
      <c r="BX7" s="1"/>
      <c r="BY7" s="1"/>
      <c r="BZ7" s="1"/>
    </row>
    <row r="8" spans="1:78" x14ac:dyDescent="0.15">
      <c r="A8" s="1" t="s">
        <v>58</v>
      </c>
      <c r="B8" s="2">
        <v>0.4375</v>
      </c>
      <c r="C8" s="1" t="s">
        <v>250</v>
      </c>
      <c r="D8" s="1" t="s">
        <v>59</v>
      </c>
      <c r="F8" s="1" t="s">
        <v>145</v>
      </c>
      <c r="G8" s="1" t="s">
        <v>146</v>
      </c>
      <c r="J8" s="1" t="s">
        <v>30</v>
      </c>
      <c r="K8" s="1" t="s">
        <v>147</v>
      </c>
      <c r="L8" s="1" t="s">
        <v>32</v>
      </c>
      <c r="M8" s="1" t="s">
        <v>148</v>
      </c>
      <c r="O8" s="1" t="s">
        <v>34</v>
      </c>
      <c r="P8" s="1" t="s">
        <v>35</v>
      </c>
      <c r="Q8" s="1" t="s">
        <v>54</v>
      </c>
      <c r="R8" s="1" t="s">
        <v>64</v>
      </c>
      <c r="S8" s="1" t="s">
        <v>149</v>
      </c>
      <c r="T8" s="1" t="s">
        <v>65</v>
      </c>
      <c r="U8" s="1">
        <v>9.3000000000000007</v>
      </c>
      <c r="V8" s="1">
        <v>33</v>
      </c>
      <c r="W8" s="1"/>
      <c r="X8" s="1">
        <v>0.43</v>
      </c>
      <c r="Y8" s="1">
        <v>7.0000000000000001E-3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2E-3</v>
      </c>
      <c r="BC8" s="1">
        <v>0.09</v>
      </c>
      <c r="BD8" s="1">
        <v>0.14000000000000001</v>
      </c>
      <c r="BE8" s="1"/>
      <c r="BF8" s="1"/>
      <c r="BG8" s="1"/>
      <c r="BH8" s="1"/>
      <c r="BI8" s="1"/>
      <c r="BJ8" s="1"/>
      <c r="BK8" s="1"/>
      <c r="BL8" s="1"/>
      <c r="BM8" s="1" t="s">
        <v>253</v>
      </c>
      <c r="BN8" s="1" t="s">
        <v>267</v>
      </c>
      <c r="BO8" s="1"/>
      <c r="BP8" s="1"/>
      <c r="BQ8" s="1"/>
      <c r="BR8" s="1"/>
      <c r="BS8" s="1"/>
      <c r="BT8" s="1">
        <v>3</v>
      </c>
      <c r="BU8" s="1"/>
      <c r="BV8" s="1"/>
      <c r="BW8" s="1"/>
      <c r="BX8" s="1"/>
      <c r="BY8" s="1"/>
      <c r="BZ8" s="1"/>
    </row>
    <row r="9" spans="1:78" x14ac:dyDescent="0.15">
      <c r="B9" s="2">
        <v>0.4513888888888889</v>
      </c>
      <c r="C9" s="1" t="s">
        <v>251</v>
      </c>
      <c r="D9" s="1" t="s">
        <v>59</v>
      </c>
      <c r="F9" s="1" t="s">
        <v>145</v>
      </c>
      <c r="G9" s="1" t="s">
        <v>124</v>
      </c>
      <c r="J9" s="1" t="s">
        <v>150</v>
      </c>
      <c r="K9" s="1" t="s">
        <v>147</v>
      </c>
      <c r="L9" s="1" t="s">
        <v>32</v>
      </c>
      <c r="M9" s="1" t="s">
        <v>148</v>
      </c>
      <c r="O9" s="1" t="s">
        <v>34</v>
      </c>
      <c r="P9" s="1" t="s">
        <v>35</v>
      </c>
      <c r="Q9" s="1" t="s">
        <v>42</v>
      </c>
      <c r="R9" s="1" t="s">
        <v>97</v>
      </c>
      <c r="S9" s="1" t="s">
        <v>70</v>
      </c>
      <c r="T9" s="1" t="s">
        <v>44</v>
      </c>
      <c r="U9" s="1">
        <v>8.1</v>
      </c>
      <c r="V9" s="1">
        <v>110</v>
      </c>
      <c r="W9" s="1"/>
      <c r="X9" s="1">
        <v>0.37</v>
      </c>
      <c r="Y9" s="1">
        <v>3.0000000000000001E-3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261</v>
      </c>
      <c r="BC9" s="1">
        <v>0.28999999999999998</v>
      </c>
      <c r="BD9" s="1">
        <v>0.34</v>
      </c>
      <c r="BE9" s="1"/>
      <c r="BF9" s="1"/>
      <c r="BG9" s="1"/>
      <c r="BH9" s="1"/>
      <c r="BI9" s="1"/>
      <c r="BJ9" s="1"/>
      <c r="BK9" s="1"/>
      <c r="BL9" s="1"/>
      <c r="BM9" s="1" t="s">
        <v>253</v>
      </c>
      <c r="BN9" s="1" t="s">
        <v>267</v>
      </c>
      <c r="BO9" s="1"/>
      <c r="BP9" s="1"/>
      <c r="BQ9" s="1"/>
      <c r="BR9" s="1"/>
      <c r="BS9" s="1"/>
      <c r="BT9" s="1" t="s">
        <v>44</v>
      </c>
      <c r="BU9" s="1"/>
      <c r="BV9" s="1"/>
      <c r="BW9" s="1"/>
      <c r="BX9" s="1"/>
      <c r="BY9" s="1"/>
      <c r="BZ9" s="1"/>
    </row>
    <row r="10" spans="1:78" x14ac:dyDescent="0.15">
      <c r="A10" s="1" t="s">
        <v>71</v>
      </c>
      <c r="B10" s="2">
        <v>0.43055555555555558</v>
      </c>
      <c r="C10" s="1" t="s">
        <v>250</v>
      </c>
      <c r="D10" s="1" t="s">
        <v>27</v>
      </c>
      <c r="F10" s="1" t="s">
        <v>151</v>
      </c>
      <c r="G10" s="1" t="s">
        <v>152</v>
      </c>
      <c r="J10" s="1" t="s">
        <v>30</v>
      </c>
      <c r="K10" s="1" t="s">
        <v>153</v>
      </c>
      <c r="L10" s="1" t="s">
        <v>32</v>
      </c>
      <c r="M10" s="1" t="s">
        <v>154</v>
      </c>
      <c r="O10" s="1" t="s">
        <v>34</v>
      </c>
      <c r="P10" s="1" t="s">
        <v>35</v>
      </c>
      <c r="Q10" s="1" t="s">
        <v>76</v>
      </c>
      <c r="R10" s="1" t="s">
        <v>43</v>
      </c>
      <c r="S10" s="1" t="s">
        <v>94</v>
      </c>
      <c r="T10" s="1" t="s">
        <v>44</v>
      </c>
      <c r="U10" s="1">
        <v>8.1</v>
      </c>
      <c r="V10" s="1">
        <v>13</v>
      </c>
      <c r="W10" s="1"/>
      <c r="X10" s="1">
        <v>0.21</v>
      </c>
      <c r="Y10" s="1">
        <v>7.0000000000000001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2E-3</v>
      </c>
      <c r="BC10" s="1">
        <v>0.09</v>
      </c>
      <c r="BD10" s="1">
        <v>0.14000000000000001</v>
      </c>
      <c r="BE10" s="1"/>
      <c r="BF10" s="1"/>
      <c r="BG10" s="1"/>
      <c r="BH10" s="1"/>
      <c r="BI10" s="1"/>
      <c r="BJ10" s="1"/>
      <c r="BK10" s="1"/>
      <c r="BL10" s="1"/>
      <c r="BM10" s="1">
        <v>0.01</v>
      </c>
      <c r="BN10" s="1" t="s">
        <v>267</v>
      </c>
      <c r="BO10" s="1"/>
      <c r="BP10" s="1"/>
      <c r="BQ10" s="1"/>
      <c r="BR10" s="1"/>
      <c r="BS10" s="1"/>
      <c r="BT10" s="1">
        <v>1</v>
      </c>
      <c r="BU10" s="1"/>
      <c r="BV10" s="1"/>
      <c r="BW10" s="1"/>
      <c r="BX10" s="1"/>
      <c r="BY10" s="1"/>
      <c r="BZ10" s="1"/>
    </row>
    <row r="11" spans="1:78" x14ac:dyDescent="0.15">
      <c r="B11" s="2">
        <v>0.44097222222222227</v>
      </c>
      <c r="C11" s="1" t="s">
        <v>251</v>
      </c>
      <c r="D11" s="1" t="s">
        <v>27</v>
      </c>
      <c r="F11" s="1" t="s">
        <v>151</v>
      </c>
      <c r="G11" s="1" t="s">
        <v>155</v>
      </c>
      <c r="J11" s="1" t="s">
        <v>156</v>
      </c>
      <c r="K11" s="1" t="s">
        <v>153</v>
      </c>
      <c r="L11" s="1" t="s">
        <v>32</v>
      </c>
      <c r="M11" s="1" t="s">
        <v>154</v>
      </c>
      <c r="O11" s="1" t="s">
        <v>34</v>
      </c>
      <c r="P11" s="1" t="s">
        <v>35</v>
      </c>
      <c r="Q11" s="1" t="s">
        <v>79</v>
      </c>
      <c r="R11" s="1" t="s">
        <v>93</v>
      </c>
      <c r="S11" s="1" t="s">
        <v>70</v>
      </c>
      <c r="T11" s="1" t="s">
        <v>44</v>
      </c>
      <c r="U11" s="1">
        <v>7.7</v>
      </c>
      <c r="V11" s="1">
        <v>13</v>
      </c>
      <c r="W11" s="1"/>
      <c r="X11" s="1">
        <v>0.39</v>
      </c>
      <c r="Y11" s="1">
        <v>3.0000000000000001E-3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261</v>
      </c>
      <c r="BC11" s="1">
        <v>0.28000000000000003</v>
      </c>
      <c r="BD11" s="1">
        <v>0.33</v>
      </c>
      <c r="BE11" s="1"/>
      <c r="BF11" s="1"/>
      <c r="BG11" s="1"/>
      <c r="BH11" s="1"/>
      <c r="BI11" s="1"/>
      <c r="BJ11" s="1"/>
      <c r="BK11" s="1"/>
      <c r="BL11" s="1"/>
      <c r="BM11" s="1">
        <v>0.01</v>
      </c>
      <c r="BN11" s="1" t="s">
        <v>267</v>
      </c>
      <c r="BO11" s="1"/>
      <c r="BP11" s="1"/>
      <c r="BQ11" s="1"/>
      <c r="BR11" s="1"/>
      <c r="BS11" s="1"/>
      <c r="BT11" s="1" t="s">
        <v>44</v>
      </c>
      <c r="BU11" s="1"/>
      <c r="BV11" s="1"/>
      <c r="BW11" s="1"/>
      <c r="BX11" s="1"/>
      <c r="BY11" s="1"/>
      <c r="BZ11" s="1"/>
    </row>
    <row r="12" spans="1:78" x14ac:dyDescent="0.15">
      <c r="A12" s="1" t="s">
        <v>80</v>
      </c>
      <c r="B12" s="2">
        <v>0.47916666666666669</v>
      </c>
      <c r="C12" s="1" t="s">
        <v>250</v>
      </c>
      <c r="D12" s="1" t="s">
        <v>27</v>
      </c>
      <c r="F12" s="1" t="s">
        <v>157</v>
      </c>
      <c r="G12" s="1" t="s">
        <v>158</v>
      </c>
      <c r="J12" s="1" t="s">
        <v>30</v>
      </c>
      <c r="K12" s="1" t="s">
        <v>159</v>
      </c>
      <c r="L12" s="1" t="s">
        <v>32</v>
      </c>
      <c r="M12" s="1" t="s">
        <v>160</v>
      </c>
      <c r="O12" s="1" t="s">
        <v>34</v>
      </c>
      <c r="P12" s="1" t="s">
        <v>35</v>
      </c>
      <c r="Q12" s="1" t="s">
        <v>161</v>
      </c>
      <c r="R12" s="1" t="s">
        <v>57</v>
      </c>
      <c r="S12" s="1" t="s">
        <v>37</v>
      </c>
      <c r="T12" s="1" t="s">
        <v>44</v>
      </c>
      <c r="U12" s="1">
        <v>7.6</v>
      </c>
      <c r="V12" s="1">
        <v>33</v>
      </c>
      <c r="W12" s="1"/>
      <c r="X12" s="1">
        <v>0.45</v>
      </c>
      <c r="Y12" s="1">
        <v>5.0000000000000001E-3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2E-3</v>
      </c>
      <c r="BC12" s="1">
        <v>0.13</v>
      </c>
      <c r="BD12" s="1">
        <v>0.18</v>
      </c>
      <c r="BE12" s="1"/>
      <c r="BF12" s="1"/>
      <c r="BG12" s="1"/>
      <c r="BH12" s="1"/>
      <c r="BI12" s="1"/>
      <c r="BJ12" s="1"/>
      <c r="BK12" s="1"/>
      <c r="BL12" s="1"/>
      <c r="BM12" s="1" t="s">
        <v>253</v>
      </c>
      <c r="BN12" s="1" t="s">
        <v>267</v>
      </c>
      <c r="BO12" s="1"/>
      <c r="BP12" s="1"/>
      <c r="BQ12" s="1"/>
      <c r="BR12" s="1"/>
      <c r="BS12" s="1"/>
      <c r="BT12" s="1">
        <v>1</v>
      </c>
      <c r="BU12" s="1">
        <v>1.4E-2</v>
      </c>
      <c r="BV12" s="1">
        <v>1.2999999999999999E-2</v>
      </c>
      <c r="BW12" s="1">
        <v>1.2999999999999999E-3</v>
      </c>
      <c r="BX12" s="1">
        <v>2.0000000000000001E-4</v>
      </c>
      <c r="BY12" s="1" t="s">
        <v>268</v>
      </c>
      <c r="BZ12" s="1"/>
    </row>
    <row r="13" spans="1:78" x14ac:dyDescent="0.15">
      <c r="B13" s="2">
        <v>0.49305555555555558</v>
      </c>
      <c r="C13" s="1" t="s">
        <v>251</v>
      </c>
      <c r="D13" s="1" t="s">
        <v>27</v>
      </c>
      <c r="F13" s="1" t="s">
        <v>157</v>
      </c>
      <c r="G13" s="1" t="s">
        <v>155</v>
      </c>
      <c r="J13" s="1" t="s">
        <v>162</v>
      </c>
      <c r="K13" s="1" t="s">
        <v>159</v>
      </c>
      <c r="L13" s="1" t="s">
        <v>32</v>
      </c>
      <c r="M13" s="1" t="s">
        <v>160</v>
      </c>
      <c r="O13" s="1" t="s">
        <v>34</v>
      </c>
      <c r="P13" s="1" t="s">
        <v>35</v>
      </c>
      <c r="Q13" s="1" t="s">
        <v>79</v>
      </c>
      <c r="R13" s="1" t="s">
        <v>57</v>
      </c>
      <c r="S13" s="1" t="s">
        <v>139</v>
      </c>
      <c r="T13" s="1" t="s">
        <v>39</v>
      </c>
      <c r="U13" s="1">
        <v>7</v>
      </c>
      <c r="V13" s="1">
        <v>330</v>
      </c>
      <c r="W13" s="1"/>
      <c r="X13" s="1">
        <v>0.57999999999999996</v>
      </c>
      <c r="Y13" s="1">
        <v>5.0000000000000001E-3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261</v>
      </c>
      <c r="BC13" s="1">
        <v>0.27</v>
      </c>
      <c r="BD13" s="1">
        <v>0.32</v>
      </c>
      <c r="BE13" s="1"/>
      <c r="BF13" s="1"/>
      <c r="BG13" s="1"/>
      <c r="BH13" s="1"/>
      <c r="BI13" s="1"/>
      <c r="BJ13" s="1"/>
      <c r="BK13" s="1"/>
      <c r="BL13" s="1"/>
      <c r="BM13" s="1">
        <v>0.04</v>
      </c>
      <c r="BN13" s="1">
        <v>4.0000000000000001E-3</v>
      </c>
      <c r="BO13" s="1"/>
      <c r="BP13" s="1"/>
      <c r="BQ13" s="1"/>
      <c r="BR13" s="1"/>
      <c r="BS13" s="1"/>
      <c r="BT13" s="1" t="s">
        <v>44</v>
      </c>
      <c r="BU13" s="1"/>
      <c r="BV13" s="1"/>
      <c r="BW13" s="1"/>
      <c r="BX13" s="1"/>
      <c r="BY13" s="1"/>
      <c r="BZ13" s="1"/>
    </row>
    <row r="14" spans="1:78" x14ac:dyDescent="0.15">
      <c r="A14" s="1" t="s">
        <v>88</v>
      </c>
      <c r="B14" s="2">
        <v>0.48958333333333331</v>
      </c>
      <c r="C14" s="1" t="s">
        <v>250</v>
      </c>
      <c r="D14" s="1" t="s">
        <v>27</v>
      </c>
      <c r="F14" s="1" t="s">
        <v>90</v>
      </c>
      <c r="G14" s="1" t="s">
        <v>90</v>
      </c>
      <c r="J14" s="1" t="s">
        <v>30</v>
      </c>
      <c r="K14" s="1" t="s">
        <v>163</v>
      </c>
      <c r="L14" s="1" t="s">
        <v>32</v>
      </c>
      <c r="M14" s="1" t="s">
        <v>51</v>
      </c>
      <c r="O14" s="1" t="s">
        <v>34</v>
      </c>
      <c r="P14" s="1" t="s">
        <v>35</v>
      </c>
      <c r="Q14" s="1" t="s">
        <v>36</v>
      </c>
      <c r="R14" s="1" t="s">
        <v>93</v>
      </c>
      <c r="S14" s="1" t="s">
        <v>102</v>
      </c>
      <c r="T14" s="1" t="s">
        <v>44</v>
      </c>
      <c r="U14" s="1">
        <v>8.1</v>
      </c>
      <c r="V14" s="1">
        <v>130</v>
      </c>
      <c r="W14" s="1"/>
      <c r="X14" s="1">
        <v>0.3</v>
      </c>
      <c r="Y14" s="1">
        <v>5.0000000000000001E-3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2E-3</v>
      </c>
      <c r="BC14" s="1">
        <v>0.16</v>
      </c>
      <c r="BD14" s="1">
        <v>0.21</v>
      </c>
      <c r="BE14" s="1"/>
      <c r="BF14" s="1"/>
      <c r="BG14" s="1"/>
      <c r="BH14" s="1"/>
      <c r="BI14" s="1"/>
      <c r="BJ14" s="1"/>
      <c r="BK14" s="1"/>
      <c r="BL14" s="1"/>
      <c r="BM14" s="1">
        <v>0.01</v>
      </c>
      <c r="BN14" s="1" t="s">
        <v>267</v>
      </c>
      <c r="BO14" s="1"/>
      <c r="BP14" s="1"/>
      <c r="BQ14" s="1"/>
      <c r="BR14" s="1"/>
      <c r="BS14" s="1"/>
      <c r="BT14" s="1" t="s">
        <v>44</v>
      </c>
      <c r="BU14" s="1"/>
      <c r="BV14" s="1"/>
      <c r="BW14" s="1"/>
      <c r="BX14" s="1"/>
      <c r="BY14" s="1"/>
      <c r="BZ14" s="1"/>
    </row>
    <row r="15" spans="1:78" x14ac:dyDescent="0.15">
      <c r="B15" s="2">
        <v>0.50347222222222221</v>
      </c>
      <c r="C15" s="1" t="s">
        <v>251</v>
      </c>
      <c r="D15" s="1" t="s">
        <v>27</v>
      </c>
      <c r="F15" s="1" t="s">
        <v>90</v>
      </c>
      <c r="G15" s="1" t="s">
        <v>131</v>
      </c>
      <c r="J15" s="1" t="s">
        <v>164</v>
      </c>
      <c r="K15" s="1" t="s">
        <v>163</v>
      </c>
      <c r="L15" s="1" t="s">
        <v>32</v>
      </c>
      <c r="M15" s="1" t="s">
        <v>51</v>
      </c>
      <c r="O15" s="1" t="s">
        <v>34</v>
      </c>
      <c r="P15" s="1" t="s">
        <v>35</v>
      </c>
      <c r="Q15" s="1" t="s">
        <v>79</v>
      </c>
      <c r="R15" s="1" t="s">
        <v>69</v>
      </c>
      <c r="S15" s="1" t="s">
        <v>43</v>
      </c>
      <c r="T15" s="1" t="s">
        <v>39</v>
      </c>
      <c r="U15" s="1">
        <v>6.6</v>
      </c>
      <c r="V15" s="1">
        <v>79</v>
      </c>
      <c r="W15" s="1"/>
      <c r="X15" s="1">
        <v>0.49</v>
      </c>
      <c r="Y15" s="1">
        <v>8.0000000000000002E-3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 t="s">
        <v>261</v>
      </c>
      <c r="BC15" s="1">
        <v>0.28000000000000003</v>
      </c>
      <c r="BD15" s="1">
        <v>0.33</v>
      </c>
      <c r="BE15" s="1"/>
      <c r="BF15" s="1"/>
      <c r="BG15" s="1"/>
      <c r="BH15" s="1"/>
      <c r="BI15" s="1"/>
      <c r="BJ15" s="1"/>
      <c r="BK15" s="1"/>
      <c r="BL15" s="1"/>
      <c r="BM15" s="1" t="s">
        <v>253</v>
      </c>
      <c r="BN15" s="1">
        <v>6.0000000000000001E-3</v>
      </c>
      <c r="BO15" s="1"/>
      <c r="BP15" s="1"/>
      <c r="BQ15" s="1"/>
      <c r="BR15" s="1"/>
      <c r="BS15" s="1"/>
      <c r="BT15" s="1" t="s">
        <v>44</v>
      </c>
      <c r="BU15" s="1"/>
      <c r="BV15" s="1"/>
      <c r="BW15" s="1"/>
      <c r="BX15" s="1"/>
      <c r="BY15" s="1"/>
      <c r="BZ15" s="1"/>
    </row>
    <row r="16" spans="1:78" x14ac:dyDescent="0.15">
      <c r="A16" s="1" t="s">
        <v>98</v>
      </c>
      <c r="B16" s="2">
        <v>0.44444444444444442</v>
      </c>
      <c r="C16" s="1" t="s">
        <v>250</v>
      </c>
      <c r="D16" s="1" t="s">
        <v>46</v>
      </c>
      <c r="F16" s="1" t="s">
        <v>165</v>
      </c>
      <c r="G16" s="1" t="s">
        <v>166</v>
      </c>
      <c r="J16" s="1" t="s">
        <v>30</v>
      </c>
      <c r="K16" s="1" t="s">
        <v>167</v>
      </c>
      <c r="L16" s="1" t="s">
        <v>32</v>
      </c>
      <c r="M16" s="1" t="s">
        <v>168</v>
      </c>
      <c r="O16" s="1" t="s">
        <v>34</v>
      </c>
      <c r="P16" s="1" t="s">
        <v>35</v>
      </c>
      <c r="Q16" s="1" t="s">
        <v>124</v>
      </c>
      <c r="R16" s="1" t="s">
        <v>57</v>
      </c>
      <c r="S16" s="1" t="s">
        <v>119</v>
      </c>
      <c r="T16" s="1" t="s">
        <v>39</v>
      </c>
      <c r="U16" s="1">
        <v>8.5</v>
      </c>
      <c r="V16" s="1">
        <v>33</v>
      </c>
      <c r="W16" s="1"/>
      <c r="X16" s="1">
        <v>0.35</v>
      </c>
      <c r="Y16" s="1">
        <v>7.0000000000000001E-3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4.0000000000000001E-3</v>
      </c>
      <c r="BC16" s="1">
        <v>0.16</v>
      </c>
      <c r="BD16" s="1">
        <v>0.21</v>
      </c>
      <c r="BE16" s="1"/>
      <c r="BF16" s="1"/>
      <c r="BG16" s="1"/>
      <c r="BH16" s="1"/>
      <c r="BI16" s="1"/>
      <c r="BJ16" s="1"/>
      <c r="BK16" s="1"/>
      <c r="BL16" s="1"/>
      <c r="BM16" s="1">
        <v>0.01</v>
      </c>
      <c r="BN16" s="1" t="s">
        <v>267</v>
      </c>
      <c r="BO16" s="1"/>
      <c r="BP16" s="1"/>
      <c r="BQ16" s="1"/>
      <c r="BR16" s="1"/>
      <c r="BS16" s="1"/>
      <c r="BT16" s="1">
        <v>1</v>
      </c>
      <c r="BU16" s="1"/>
      <c r="BV16" s="1"/>
      <c r="BW16" s="1"/>
      <c r="BX16" s="1"/>
      <c r="BY16" s="1"/>
      <c r="BZ16" s="1"/>
    </row>
    <row r="17" spans="1:78" x14ac:dyDescent="0.15">
      <c r="B17" s="2">
        <v>0.45833333333333331</v>
      </c>
      <c r="C17" s="1" t="s">
        <v>251</v>
      </c>
      <c r="D17" s="1" t="s">
        <v>46</v>
      </c>
      <c r="F17" s="1" t="s">
        <v>165</v>
      </c>
      <c r="G17" s="1" t="s">
        <v>131</v>
      </c>
      <c r="J17" s="1" t="s">
        <v>169</v>
      </c>
      <c r="K17" s="1" t="s">
        <v>167</v>
      </c>
      <c r="L17" s="1" t="s">
        <v>170</v>
      </c>
      <c r="M17" s="1" t="s">
        <v>168</v>
      </c>
      <c r="O17" s="1" t="s">
        <v>34</v>
      </c>
      <c r="P17" s="1" t="s">
        <v>35</v>
      </c>
      <c r="Q17" s="1" t="s">
        <v>79</v>
      </c>
      <c r="R17" s="1" t="s">
        <v>97</v>
      </c>
      <c r="S17" s="1" t="s">
        <v>43</v>
      </c>
      <c r="T17" s="1" t="s">
        <v>101</v>
      </c>
      <c r="U17" s="1">
        <v>5.4</v>
      </c>
      <c r="V17" s="1">
        <v>70</v>
      </c>
      <c r="W17" s="1"/>
      <c r="X17" s="1">
        <v>0.4</v>
      </c>
      <c r="Y17" s="1">
        <v>7.0000000000000001E-3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2E-3</v>
      </c>
      <c r="BC17" s="1">
        <v>0.26</v>
      </c>
      <c r="BD17" s="1">
        <v>0.31</v>
      </c>
      <c r="BE17" s="1"/>
      <c r="BF17" s="1"/>
      <c r="BG17" s="1"/>
      <c r="BH17" s="1"/>
      <c r="BI17" s="1"/>
      <c r="BJ17" s="1"/>
      <c r="BK17" s="1"/>
      <c r="BL17" s="1"/>
      <c r="BM17" s="1">
        <v>0.01</v>
      </c>
      <c r="BN17" s="1" t="s">
        <v>267</v>
      </c>
      <c r="BO17" s="1"/>
      <c r="BP17" s="1"/>
      <c r="BQ17" s="1"/>
      <c r="BR17" s="1"/>
      <c r="BS17" s="1"/>
      <c r="BT17" s="1" t="s">
        <v>44</v>
      </c>
      <c r="BU17" s="1"/>
      <c r="BV17" s="1"/>
      <c r="BW17" s="1"/>
      <c r="BX17" s="1"/>
      <c r="BY17" s="1"/>
      <c r="BZ17" s="1"/>
    </row>
    <row r="18" spans="1:78" x14ac:dyDescent="0.15">
      <c r="A18" s="1" t="s">
        <v>105</v>
      </c>
      <c r="B18" s="2">
        <v>0.44097222222222227</v>
      </c>
      <c r="C18" s="1" t="s">
        <v>250</v>
      </c>
      <c r="D18" s="1" t="s">
        <v>27</v>
      </c>
      <c r="F18" s="1" t="s">
        <v>171</v>
      </c>
      <c r="G18" s="1" t="s">
        <v>172</v>
      </c>
      <c r="J18" s="1" t="s">
        <v>30</v>
      </c>
      <c r="K18" s="1" t="s">
        <v>173</v>
      </c>
      <c r="L18" s="1" t="s">
        <v>32</v>
      </c>
      <c r="M18" s="1" t="s">
        <v>50</v>
      </c>
      <c r="O18" s="1" t="s">
        <v>34</v>
      </c>
      <c r="P18" s="1" t="s">
        <v>35</v>
      </c>
      <c r="Q18" s="1" t="s">
        <v>36</v>
      </c>
      <c r="R18" s="1" t="s">
        <v>93</v>
      </c>
      <c r="S18" s="1" t="s">
        <v>139</v>
      </c>
      <c r="T18" s="1" t="s">
        <v>44</v>
      </c>
      <c r="U18" s="1">
        <v>9</v>
      </c>
      <c r="V18" s="1">
        <v>33</v>
      </c>
      <c r="W18" s="1"/>
      <c r="X18" s="1">
        <v>0.28999999999999998</v>
      </c>
      <c r="Y18" s="1">
        <v>4.0000000000000001E-3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261</v>
      </c>
      <c r="BC18" s="1">
        <v>0.19</v>
      </c>
      <c r="BD18" s="1">
        <v>0.24</v>
      </c>
      <c r="BE18" s="1"/>
      <c r="BF18" s="1"/>
      <c r="BG18" s="1"/>
      <c r="BH18" s="1"/>
      <c r="BI18" s="1"/>
      <c r="BJ18" s="1"/>
      <c r="BK18" s="1"/>
      <c r="BL18" s="1"/>
      <c r="BM18" s="1" t="s">
        <v>253</v>
      </c>
      <c r="BN18" s="1" t="s">
        <v>267</v>
      </c>
      <c r="BO18" s="1"/>
      <c r="BP18" s="1"/>
      <c r="BQ18" s="1"/>
      <c r="BR18" s="1"/>
      <c r="BS18" s="1"/>
      <c r="BT18" s="1">
        <v>2</v>
      </c>
      <c r="BU18" s="1">
        <v>1.4999999999999999E-2</v>
      </c>
      <c r="BV18" s="1">
        <v>1.4E-2</v>
      </c>
      <c r="BW18" s="1">
        <v>1.1000000000000001E-3</v>
      </c>
      <c r="BX18" s="1">
        <v>1E-4</v>
      </c>
      <c r="BY18" s="1" t="s">
        <v>268</v>
      </c>
      <c r="BZ18" s="1"/>
    </row>
    <row r="19" spans="1:78" x14ac:dyDescent="0.15">
      <c r="B19" s="2">
        <v>0.4513888888888889</v>
      </c>
      <c r="C19" s="1" t="s">
        <v>251</v>
      </c>
      <c r="D19" s="1" t="s">
        <v>27</v>
      </c>
      <c r="F19" s="1" t="s">
        <v>171</v>
      </c>
      <c r="G19" s="1" t="s">
        <v>95</v>
      </c>
      <c r="J19" s="1" t="s">
        <v>174</v>
      </c>
      <c r="K19" s="1" t="s">
        <v>173</v>
      </c>
      <c r="L19" s="1" t="s">
        <v>175</v>
      </c>
      <c r="M19" s="1" t="s">
        <v>50</v>
      </c>
      <c r="O19" s="1" t="s">
        <v>34</v>
      </c>
      <c r="P19" s="1" t="s">
        <v>35</v>
      </c>
      <c r="Q19" s="1" t="s">
        <v>42</v>
      </c>
      <c r="R19" s="1" t="s">
        <v>97</v>
      </c>
      <c r="S19" s="1" t="s">
        <v>39</v>
      </c>
      <c r="T19" s="1" t="s">
        <v>38</v>
      </c>
      <c r="U19" s="1">
        <v>5.5</v>
      </c>
      <c r="V19" s="1">
        <v>49</v>
      </c>
      <c r="W19" s="1"/>
      <c r="X19" s="1">
        <v>0.37</v>
      </c>
      <c r="Y19" s="1">
        <v>5.0000000000000001E-3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261</v>
      </c>
      <c r="BC19" s="1">
        <v>0.28000000000000003</v>
      </c>
      <c r="BD19" s="1">
        <v>0.33</v>
      </c>
      <c r="BE19" s="1"/>
      <c r="BF19" s="1"/>
      <c r="BG19" s="1"/>
      <c r="BH19" s="1"/>
      <c r="BI19" s="1"/>
      <c r="BJ19" s="1"/>
      <c r="BK19" s="1"/>
      <c r="BL19" s="1"/>
      <c r="BM19" s="1" t="s">
        <v>253</v>
      </c>
      <c r="BN19" s="1" t="s">
        <v>267</v>
      </c>
      <c r="BO19" s="1"/>
      <c r="BP19" s="1"/>
      <c r="BQ19" s="1"/>
      <c r="BR19" s="1"/>
      <c r="BS19" s="1"/>
      <c r="BT19" s="1" t="s">
        <v>44</v>
      </c>
      <c r="BU19" s="1"/>
      <c r="BV19" s="1"/>
      <c r="BW19" s="1"/>
      <c r="BX19" s="1"/>
      <c r="BY19" s="1"/>
      <c r="BZ19" s="1"/>
    </row>
    <row r="20" spans="1:78" x14ac:dyDescent="0.15">
      <c r="A20" s="1" t="s">
        <v>114</v>
      </c>
      <c r="B20" s="2">
        <v>0.43055555555555558</v>
      </c>
      <c r="C20" s="1" t="s">
        <v>250</v>
      </c>
      <c r="D20" s="1" t="s">
        <v>27</v>
      </c>
      <c r="F20" s="1" t="s">
        <v>176</v>
      </c>
      <c r="G20" s="1" t="s">
        <v>177</v>
      </c>
      <c r="J20" s="1" t="s">
        <v>30</v>
      </c>
      <c r="K20" s="1" t="s">
        <v>74</v>
      </c>
      <c r="L20" s="1" t="s">
        <v>32</v>
      </c>
      <c r="M20" s="1" t="s">
        <v>178</v>
      </c>
      <c r="O20" s="1" t="s">
        <v>34</v>
      </c>
      <c r="P20" s="1" t="s">
        <v>35</v>
      </c>
      <c r="Q20" s="1" t="s">
        <v>66</v>
      </c>
      <c r="R20" s="1" t="s">
        <v>30</v>
      </c>
      <c r="S20" s="1" t="s">
        <v>102</v>
      </c>
      <c r="T20" s="1" t="s">
        <v>44</v>
      </c>
      <c r="U20" s="1">
        <v>9.1999999999999993</v>
      </c>
      <c r="V20" s="1">
        <v>33</v>
      </c>
      <c r="W20" s="1"/>
      <c r="X20" s="1">
        <v>0.34</v>
      </c>
      <c r="Y20" s="1">
        <v>5.0000000000000001E-3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2E-3</v>
      </c>
      <c r="BC20" s="1">
        <v>0.28000000000000003</v>
      </c>
      <c r="BD20" s="1">
        <v>0.33</v>
      </c>
      <c r="BE20" s="1"/>
      <c r="BF20" s="1"/>
      <c r="BG20" s="1"/>
      <c r="BH20" s="1"/>
      <c r="BI20" s="1"/>
      <c r="BJ20" s="1"/>
      <c r="BK20" s="1"/>
      <c r="BL20" s="1"/>
      <c r="BM20" s="1" t="s">
        <v>253</v>
      </c>
      <c r="BN20" s="1" t="s">
        <v>267</v>
      </c>
      <c r="BO20" s="1"/>
      <c r="BP20" s="1"/>
      <c r="BQ20" s="1"/>
      <c r="BR20" s="1"/>
      <c r="BS20" s="1"/>
      <c r="BT20" s="1">
        <v>2</v>
      </c>
      <c r="BU20" s="1"/>
      <c r="BV20" s="1"/>
      <c r="BW20" s="1"/>
      <c r="BX20" s="1"/>
      <c r="BY20" s="1"/>
      <c r="BZ20" s="1"/>
    </row>
    <row r="21" spans="1:78" x14ac:dyDescent="0.15">
      <c r="B21" s="2">
        <v>0.4375</v>
      </c>
      <c r="C21" s="1" t="s">
        <v>251</v>
      </c>
      <c r="D21" s="1" t="s">
        <v>27</v>
      </c>
      <c r="F21" s="1" t="s">
        <v>176</v>
      </c>
      <c r="G21" s="1" t="s">
        <v>131</v>
      </c>
      <c r="J21" s="1" t="s">
        <v>78</v>
      </c>
      <c r="K21" s="1" t="s">
        <v>74</v>
      </c>
      <c r="L21" s="1" t="s">
        <v>179</v>
      </c>
      <c r="M21" s="1" t="s">
        <v>178</v>
      </c>
      <c r="O21" s="1" t="s">
        <v>34</v>
      </c>
      <c r="P21" s="1" t="s">
        <v>35</v>
      </c>
      <c r="Q21" s="1" t="s">
        <v>79</v>
      </c>
      <c r="R21" s="1" t="s">
        <v>69</v>
      </c>
      <c r="S21" s="1" t="s">
        <v>139</v>
      </c>
      <c r="T21" s="1" t="s">
        <v>39</v>
      </c>
      <c r="U21" s="1">
        <v>5.5</v>
      </c>
      <c r="V21" s="1">
        <v>49</v>
      </c>
      <c r="W21" s="1"/>
      <c r="X21" s="1">
        <v>0.38</v>
      </c>
      <c r="Y21" s="1">
        <v>4.0000000000000001E-3</v>
      </c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 t="s">
        <v>261</v>
      </c>
      <c r="BC21" s="1">
        <v>0.27</v>
      </c>
      <c r="BD21" s="1">
        <v>0.32</v>
      </c>
      <c r="BE21" s="1"/>
      <c r="BF21" s="1"/>
      <c r="BG21" s="1"/>
      <c r="BH21" s="1"/>
      <c r="BI21" s="1"/>
      <c r="BJ21" s="1"/>
      <c r="BK21" s="1"/>
      <c r="BL21" s="1"/>
      <c r="BM21" s="1" t="s">
        <v>253</v>
      </c>
      <c r="BN21" s="1" t="s">
        <v>267</v>
      </c>
      <c r="BO21" s="1"/>
      <c r="BP21" s="1"/>
      <c r="BQ21" s="1"/>
      <c r="BR21" s="1"/>
      <c r="BS21" s="1"/>
      <c r="BT21" s="1" t="s">
        <v>44</v>
      </c>
      <c r="BU21" s="1"/>
      <c r="BV21" s="1"/>
      <c r="BW21" s="1"/>
      <c r="BX21" s="1"/>
      <c r="BY21" s="1"/>
      <c r="BZ21" s="1"/>
    </row>
    <row r="22" spans="1:78" x14ac:dyDescent="0.15">
      <c r="A22" s="1" t="s">
        <v>121</v>
      </c>
      <c r="B22" s="2">
        <v>0.46180555555555558</v>
      </c>
      <c r="C22" s="1" t="s">
        <v>250</v>
      </c>
      <c r="D22" s="1" t="s">
        <v>46</v>
      </c>
      <c r="F22" s="1" t="s">
        <v>131</v>
      </c>
      <c r="G22" s="1" t="s">
        <v>180</v>
      </c>
      <c r="J22" s="1" t="s">
        <v>30</v>
      </c>
      <c r="K22" s="1" t="s">
        <v>181</v>
      </c>
      <c r="L22" s="1" t="s">
        <v>32</v>
      </c>
      <c r="M22" s="1" t="s">
        <v>182</v>
      </c>
      <c r="O22" s="1" t="s">
        <v>34</v>
      </c>
      <c r="P22" s="1" t="s">
        <v>35</v>
      </c>
      <c r="Q22" s="1" t="s">
        <v>42</v>
      </c>
      <c r="R22" s="1" t="s">
        <v>43</v>
      </c>
      <c r="S22" s="1" t="s">
        <v>102</v>
      </c>
      <c r="T22" s="1" t="s">
        <v>44</v>
      </c>
      <c r="U22" s="1">
        <v>9.6</v>
      </c>
      <c r="V22" s="1">
        <v>230</v>
      </c>
      <c r="W22" s="1"/>
      <c r="X22" s="1">
        <v>0.33</v>
      </c>
      <c r="Y22" s="1">
        <v>1.2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261</v>
      </c>
      <c r="BC22" s="1">
        <v>0.27</v>
      </c>
      <c r="BD22" s="1">
        <v>0.32</v>
      </c>
      <c r="BE22" s="1"/>
      <c r="BF22" s="1"/>
      <c r="BG22" s="1"/>
      <c r="BH22" s="1"/>
      <c r="BI22" s="1"/>
      <c r="BJ22" s="1"/>
      <c r="BK22" s="1"/>
      <c r="BL22" s="1"/>
      <c r="BM22" s="1" t="s">
        <v>253</v>
      </c>
      <c r="BN22" s="1" t="s">
        <v>267</v>
      </c>
      <c r="BO22" s="1"/>
      <c r="BP22" s="1"/>
      <c r="BQ22" s="1"/>
      <c r="BR22" s="1"/>
      <c r="BS22" s="1"/>
      <c r="BT22" s="1">
        <v>3</v>
      </c>
      <c r="BU22" s="1"/>
      <c r="BV22" s="1"/>
      <c r="BW22" s="1"/>
      <c r="BX22" s="1"/>
      <c r="BY22" s="1"/>
      <c r="BZ22" s="1"/>
    </row>
    <row r="23" spans="1:78" x14ac:dyDescent="0.15">
      <c r="B23" s="2">
        <v>0.47222222222222227</v>
      </c>
      <c r="C23" s="1" t="s">
        <v>251</v>
      </c>
      <c r="D23" s="1" t="s">
        <v>46</v>
      </c>
      <c r="F23" s="1" t="s">
        <v>131</v>
      </c>
      <c r="G23" s="1" t="s">
        <v>140</v>
      </c>
      <c r="J23" s="1" t="s">
        <v>183</v>
      </c>
      <c r="K23" s="1" t="s">
        <v>181</v>
      </c>
      <c r="L23" s="1" t="s">
        <v>32</v>
      </c>
      <c r="M23" s="1" t="s">
        <v>182</v>
      </c>
      <c r="O23" s="1" t="s">
        <v>34</v>
      </c>
      <c r="P23" s="1" t="s">
        <v>35</v>
      </c>
      <c r="Q23" s="1" t="s">
        <v>125</v>
      </c>
      <c r="R23" s="1" t="s">
        <v>30</v>
      </c>
      <c r="S23" s="1" t="s">
        <v>111</v>
      </c>
      <c r="T23" s="1" t="s">
        <v>39</v>
      </c>
      <c r="U23" s="1">
        <v>5.2</v>
      </c>
      <c r="V23" s="1">
        <v>17</v>
      </c>
      <c r="W23" s="1"/>
      <c r="X23" s="1">
        <v>0.38</v>
      </c>
      <c r="Y23" s="1">
        <v>1.0999999999999999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261</v>
      </c>
      <c r="BC23" s="1">
        <v>0.27</v>
      </c>
      <c r="BD23" s="1">
        <v>0.32</v>
      </c>
      <c r="BE23" s="1"/>
      <c r="BF23" s="1"/>
      <c r="BG23" s="1"/>
      <c r="BH23" s="1"/>
      <c r="BI23" s="1"/>
      <c r="BJ23" s="1"/>
      <c r="BK23" s="1"/>
      <c r="BL23" s="1"/>
      <c r="BM23" s="1" t="s">
        <v>253</v>
      </c>
      <c r="BN23" s="1" t="s">
        <v>267</v>
      </c>
      <c r="BO23" s="1"/>
      <c r="BP23" s="1"/>
      <c r="BQ23" s="1"/>
      <c r="BR23" s="1"/>
      <c r="BS23" s="1"/>
      <c r="BT23" s="1">
        <v>1</v>
      </c>
      <c r="BU23" s="1"/>
      <c r="BV23" s="1"/>
      <c r="BW23" s="1"/>
      <c r="BX23" s="1"/>
      <c r="BY23" s="1"/>
      <c r="BZ23" s="1"/>
    </row>
    <row r="24" spans="1:78" x14ac:dyDescent="0.15">
      <c r="A24" s="1" t="s">
        <v>126</v>
      </c>
      <c r="B24" s="2">
        <v>0.49652777777777773</v>
      </c>
      <c r="C24" s="1" t="s">
        <v>250</v>
      </c>
      <c r="D24" s="1" t="s">
        <v>27</v>
      </c>
      <c r="F24" s="1" t="s">
        <v>79</v>
      </c>
      <c r="G24" s="1" t="s">
        <v>92</v>
      </c>
      <c r="J24" s="1" t="s">
        <v>30</v>
      </c>
      <c r="K24" s="1" t="s">
        <v>184</v>
      </c>
      <c r="L24" s="1" t="s">
        <v>32</v>
      </c>
      <c r="M24" s="1" t="s">
        <v>160</v>
      </c>
      <c r="O24" s="1" t="s">
        <v>34</v>
      </c>
      <c r="P24" s="1" t="s">
        <v>35</v>
      </c>
      <c r="Q24" s="1" t="s">
        <v>68</v>
      </c>
      <c r="R24" s="1" t="s">
        <v>43</v>
      </c>
      <c r="S24" s="1" t="s">
        <v>94</v>
      </c>
      <c r="T24" s="1" t="s">
        <v>39</v>
      </c>
      <c r="U24" s="1">
        <v>9.5</v>
      </c>
      <c r="V24" s="1">
        <v>230</v>
      </c>
      <c r="W24" s="1"/>
      <c r="X24" s="1">
        <v>0.31</v>
      </c>
      <c r="Y24" s="1">
        <v>6.0000000000000001E-3</v>
      </c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 t="s">
        <v>261</v>
      </c>
      <c r="BC24" s="1">
        <v>0.18</v>
      </c>
      <c r="BD24" s="1">
        <v>0.23</v>
      </c>
      <c r="BE24" s="1"/>
      <c r="BF24" s="1"/>
      <c r="BG24" s="1"/>
      <c r="BH24" s="1"/>
      <c r="BI24" s="1"/>
      <c r="BJ24" s="1"/>
      <c r="BK24" s="1"/>
      <c r="BL24" s="1"/>
      <c r="BM24" s="1" t="s">
        <v>253</v>
      </c>
      <c r="BN24" s="1" t="s">
        <v>267</v>
      </c>
      <c r="BO24" s="1"/>
      <c r="BP24" s="1"/>
      <c r="BQ24" s="1"/>
      <c r="BR24" s="1"/>
      <c r="BS24" s="1"/>
      <c r="BT24" s="1">
        <v>5</v>
      </c>
      <c r="BU24" s="1">
        <v>1.2999999999999999E-2</v>
      </c>
      <c r="BV24" s="1">
        <v>1.2E-2</v>
      </c>
      <c r="BW24" s="1">
        <v>1.5E-3</v>
      </c>
      <c r="BX24" s="1">
        <v>2.9999999999999997E-4</v>
      </c>
      <c r="BY24" s="1" t="s">
        <v>268</v>
      </c>
      <c r="BZ24" s="1"/>
    </row>
    <row r="25" spans="1:78" x14ac:dyDescent="0.15">
      <c r="B25" s="2">
        <v>0.51041666666666663</v>
      </c>
      <c r="C25" s="1" t="s">
        <v>251</v>
      </c>
      <c r="D25" s="1" t="s">
        <v>27</v>
      </c>
      <c r="F25" s="1" t="s">
        <v>79</v>
      </c>
      <c r="G25" s="1" t="s">
        <v>92</v>
      </c>
      <c r="J25" s="1" t="s">
        <v>185</v>
      </c>
      <c r="K25" s="1" t="s">
        <v>184</v>
      </c>
      <c r="L25" s="1" t="s">
        <v>32</v>
      </c>
      <c r="M25" s="1" t="s">
        <v>160</v>
      </c>
      <c r="O25" s="1" t="s">
        <v>34</v>
      </c>
      <c r="P25" s="1" t="s">
        <v>35</v>
      </c>
      <c r="Q25" s="1" t="s">
        <v>68</v>
      </c>
      <c r="R25" s="1" t="s">
        <v>57</v>
      </c>
      <c r="S25" s="1" t="s">
        <v>119</v>
      </c>
      <c r="T25" s="1" t="s">
        <v>39</v>
      </c>
      <c r="U25" s="1">
        <v>9.1999999999999993</v>
      </c>
      <c r="V25" s="1">
        <v>230</v>
      </c>
      <c r="W25" s="1"/>
      <c r="X25" s="1">
        <v>0.26</v>
      </c>
      <c r="Y25" s="1">
        <v>4.0000000000000001E-3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261</v>
      </c>
      <c r="BC25" s="1">
        <v>0.19</v>
      </c>
      <c r="BD25" s="1">
        <v>0.24</v>
      </c>
      <c r="BE25" s="1"/>
      <c r="BF25" s="1"/>
      <c r="BG25" s="1"/>
      <c r="BH25" s="1"/>
      <c r="BI25" s="1"/>
      <c r="BJ25" s="1"/>
      <c r="BK25" s="1"/>
      <c r="BL25" s="1"/>
      <c r="BM25" s="1">
        <v>0.01</v>
      </c>
      <c r="BN25" s="1" t="s">
        <v>267</v>
      </c>
      <c r="BO25" s="1"/>
      <c r="BP25" s="1"/>
      <c r="BQ25" s="1"/>
      <c r="BR25" s="1"/>
      <c r="BS25" s="1"/>
      <c r="BT25" s="1">
        <v>1</v>
      </c>
      <c r="BU25" s="1"/>
      <c r="BV25" s="1"/>
      <c r="BW25" s="1"/>
      <c r="BX25" s="1"/>
      <c r="BY25" s="1"/>
      <c r="BZ25" s="1"/>
    </row>
    <row r="26" spans="1:78" x14ac:dyDescent="0.15">
      <c r="A26" s="1" t="s">
        <v>129</v>
      </c>
      <c r="B26" s="2">
        <v>0.4513888888888889</v>
      </c>
      <c r="C26" s="1" t="s">
        <v>250</v>
      </c>
      <c r="D26" s="1" t="s">
        <v>27</v>
      </c>
      <c r="F26" s="1" t="s">
        <v>186</v>
      </c>
      <c r="G26" s="1" t="s">
        <v>131</v>
      </c>
      <c r="J26" s="1" t="s">
        <v>30</v>
      </c>
      <c r="K26" s="1" t="s">
        <v>187</v>
      </c>
      <c r="L26" s="1" t="s">
        <v>32</v>
      </c>
      <c r="M26" s="1" t="s">
        <v>63</v>
      </c>
      <c r="O26" s="1" t="s">
        <v>34</v>
      </c>
      <c r="P26" s="1" t="s">
        <v>35</v>
      </c>
      <c r="Q26" s="1" t="s">
        <v>51</v>
      </c>
      <c r="R26" s="1" t="s">
        <v>64</v>
      </c>
      <c r="S26" s="1" t="s">
        <v>139</v>
      </c>
      <c r="T26" s="1" t="s">
        <v>44</v>
      </c>
      <c r="U26" s="1">
        <v>10</v>
      </c>
      <c r="V26" s="1">
        <v>13</v>
      </c>
      <c r="W26" s="1"/>
      <c r="X26" s="1">
        <v>0.27</v>
      </c>
      <c r="Y26" s="1">
        <v>5.0000000000000001E-3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261</v>
      </c>
      <c r="BC26" s="1">
        <v>0.18</v>
      </c>
      <c r="BD26" s="1">
        <v>0.23</v>
      </c>
      <c r="BE26" s="1"/>
      <c r="BF26" s="1"/>
      <c r="BG26" s="1"/>
      <c r="BH26" s="1"/>
      <c r="BI26" s="1"/>
      <c r="BJ26" s="1"/>
      <c r="BK26" s="1"/>
      <c r="BL26" s="1"/>
      <c r="BM26" s="1" t="s">
        <v>253</v>
      </c>
      <c r="BN26" s="1" t="s">
        <v>267</v>
      </c>
      <c r="BO26" s="1"/>
      <c r="BP26" s="1"/>
      <c r="BQ26" s="1"/>
      <c r="BR26" s="1"/>
      <c r="BS26" s="1"/>
      <c r="BT26" s="1">
        <v>3</v>
      </c>
      <c r="BU26" s="1"/>
      <c r="BV26" s="1"/>
      <c r="BW26" s="1"/>
      <c r="BX26" s="1"/>
      <c r="BY26" s="1"/>
      <c r="BZ26" s="1"/>
    </row>
    <row r="27" spans="1:78" x14ac:dyDescent="0.15">
      <c r="B27" s="2">
        <v>0.47569444444444442</v>
      </c>
      <c r="C27" s="1" t="s">
        <v>251</v>
      </c>
      <c r="D27" s="1" t="s">
        <v>27</v>
      </c>
      <c r="F27" s="1" t="s">
        <v>186</v>
      </c>
      <c r="G27" s="1" t="s">
        <v>76</v>
      </c>
      <c r="J27" s="1" t="s">
        <v>188</v>
      </c>
      <c r="K27" s="1" t="s">
        <v>187</v>
      </c>
      <c r="L27" s="1" t="s">
        <v>32</v>
      </c>
      <c r="M27" s="1" t="s">
        <v>63</v>
      </c>
      <c r="O27" s="1" t="s">
        <v>34</v>
      </c>
      <c r="P27" s="1" t="s">
        <v>35</v>
      </c>
      <c r="Q27" s="1" t="s">
        <v>42</v>
      </c>
      <c r="R27" s="1" t="s">
        <v>93</v>
      </c>
      <c r="S27" s="1" t="s">
        <v>39</v>
      </c>
      <c r="T27" s="1" t="s">
        <v>38</v>
      </c>
      <c r="U27" s="1">
        <v>8.1999999999999993</v>
      </c>
      <c r="V27" s="1">
        <v>34</v>
      </c>
      <c r="W27" s="1"/>
      <c r="X27" s="1">
        <v>0.3</v>
      </c>
      <c r="Y27" s="1">
        <v>4.0000000000000001E-3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 t="s">
        <v>261</v>
      </c>
      <c r="BC27" s="1">
        <v>0.19</v>
      </c>
      <c r="BD27" s="1">
        <v>0.24</v>
      </c>
      <c r="BF27" s="1"/>
      <c r="BG27" s="1"/>
      <c r="BH27" s="1"/>
      <c r="BI27" s="1"/>
      <c r="BJ27" s="1"/>
      <c r="BK27" s="1"/>
      <c r="BL27" s="1"/>
      <c r="BM27" s="1">
        <v>0.01</v>
      </c>
      <c r="BN27" s="1" t="s">
        <v>267</v>
      </c>
      <c r="BO27" s="1"/>
      <c r="BP27" s="1"/>
      <c r="BQ27" s="1"/>
      <c r="BR27" s="1"/>
      <c r="BS27" s="1"/>
      <c r="BT27" s="1" t="s">
        <v>44</v>
      </c>
      <c r="BU27" s="1"/>
      <c r="BV27" s="1"/>
      <c r="BW27" s="1"/>
      <c r="BX27" s="1"/>
      <c r="BY27" s="1"/>
      <c r="BZ27" s="1"/>
    </row>
    <row r="90" spans="21:21" x14ac:dyDescent="0.15">
      <c r="U90" s="1"/>
    </row>
    <row r="91" spans="21:21" x14ac:dyDescent="0.15">
      <c r="U91" s="1"/>
    </row>
    <row r="92" spans="21:21" x14ac:dyDescent="0.15">
      <c r="U92" s="1"/>
    </row>
    <row r="93" spans="21:21" x14ac:dyDescent="0.15">
      <c r="U93" s="1"/>
    </row>
    <row r="94" spans="21:21" x14ac:dyDescent="0.15">
      <c r="U94" s="1"/>
    </row>
    <row r="95" spans="21:21" x14ac:dyDescent="0.15">
      <c r="U95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3" spans="21:21" x14ac:dyDescent="0.15">
      <c r="U113" s="1"/>
    </row>
    <row r="114" spans="21:21" x14ac:dyDescent="0.15">
      <c r="U114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0" spans="21:21" x14ac:dyDescent="0.15">
      <c r="U130" s="1"/>
    </row>
    <row r="131" spans="21:21" x14ac:dyDescent="0.15">
      <c r="U131" s="1"/>
    </row>
    <row r="132" spans="21:21" x14ac:dyDescent="0.15">
      <c r="U132" s="1"/>
    </row>
    <row r="133" spans="21:21" x14ac:dyDescent="0.15">
      <c r="U133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ダムサイト</vt:lpstr>
      <vt:lpstr>ダム中央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11:33Z</dcterms:created>
  <dcterms:modified xsi:type="dcterms:W3CDTF">2020-03-21T09:22:33Z</dcterms:modified>
</cp:coreProperties>
</file>